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wmf" ContentType="image/x-wmf"/>
  <Default Extension="emf" ContentType="image/x-emf"/>
  <Default Extension="rels" ContentType="application/vnd.openxmlformats-package.relationships+xml"/>
  <Default Extension="xml" ContentType="application/xml"/>
  <Default Extension="wdp" ContentType="image/vnd.ms-photo"/>
  <Default Extension="gif" ContentType="image/gif"/>
  <Default Extension="vml" ContentType="application/vnd.openxmlformats-officedocument.vmlDrawing"/>
  <Default Extension="jpg" ContentType="image/jpeg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charts/chart1.xml" ContentType="application/vnd.openxmlformats-officedocument.drawingml.chart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charts/chart2.xml" ContentType="application/vnd.openxmlformats-officedocument.drawingml.chart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charts/chart3.xml" ContentType="application/vnd.openxmlformats-officedocument.drawingml.chart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notesSlides/notesSlide3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48" r:id="rId4"/>
  </p:sldMasterIdLst>
  <p:notesMasterIdLst>
    <p:notesMasterId r:id="rId25"/>
  </p:notesMasterIdLst>
  <p:handoutMasterIdLst>
    <p:handoutMasterId r:id="rId26"/>
  </p:handoutMasterIdLst>
  <p:sldIdLst>
    <p:sldId id="523" r:id="rId5"/>
    <p:sldId id="478" r:id="rId6"/>
    <p:sldId id="465" r:id="rId7"/>
    <p:sldId id="517" r:id="rId8"/>
    <p:sldId id="525" r:id="rId9"/>
    <p:sldId id="497" r:id="rId10"/>
    <p:sldId id="501" r:id="rId11"/>
    <p:sldId id="502" r:id="rId12"/>
    <p:sldId id="505" r:id="rId13"/>
    <p:sldId id="508" r:id="rId14"/>
    <p:sldId id="506" r:id="rId15"/>
    <p:sldId id="511" r:id="rId16"/>
    <p:sldId id="503" r:id="rId17"/>
    <p:sldId id="504" r:id="rId18"/>
    <p:sldId id="512" r:id="rId19"/>
    <p:sldId id="524" r:id="rId20"/>
    <p:sldId id="492" r:id="rId21"/>
    <p:sldId id="513" r:id="rId22"/>
    <p:sldId id="526" r:id="rId23"/>
    <p:sldId id="522" r:id="rId24"/>
  </p:sldIdLst>
  <p:sldSz cx="9144000" cy="6858000" type="screen4x3"/>
  <p:notesSz cx="6950075" cy="9236075"/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200" kern="1200">
        <a:solidFill>
          <a:srgbClr val="000000"/>
        </a:solidFill>
        <a:latin typeface="Arial" charset="0"/>
        <a:ea typeface="ヒラギノ角ゴ ProN W3" charset="0"/>
        <a:cs typeface="ヒラギノ角ゴ ProN W3" charset="0"/>
        <a:sym typeface="Arial" charset="0"/>
      </a:defRPr>
    </a:lvl1pPr>
    <a:lvl2pPr marL="457200" algn="l" rtl="0" fontAlgn="base">
      <a:spcBef>
        <a:spcPct val="0"/>
      </a:spcBef>
      <a:spcAft>
        <a:spcPct val="0"/>
      </a:spcAft>
      <a:defRPr sz="1200" kern="1200">
        <a:solidFill>
          <a:srgbClr val="000000"/>
        </a:solidFill>
        <a:latin typeface="Arial" charset="0"/>
        <a:ea typeface="ヒラギノ角ゴ ProN W3" charset="0"/>
        <a:cs typeface="ヒラギノ角ゴ ProN W3" charset="0"/>
        <a:sym typeface="Arial" charset="0"/>
      </a:defRPr>
    </a:lvl2pPr>
    <a:lvl3pPr marL="914400" algn="l" rtl="0" fontAlgn="base">
      <a:spcBef>
        <a:spcPct val="0"/>
      </a:spcBef>
      <a:spcAft>
        <a:spcPct val="0"/>
      </a:spcAft>
      <a:defRPr sz="1200" kern="1200">
        <a:solidFill>
          <a:srgbClr val="000000"/>
        </a:solidFill>
        <a:latin typeface="Arial" charset="0"/>
        <a:ea typeface="ヒラギノ角ゴ ProN W3" charset="0"/>
        <a:cs typeface="ヒラギノ角ゴ ProN W3" charset="0"/>
        <a:sym typeface="Arial" charset="0"/>
      </a:defRPr>
    </a:lvl3pPr>
    <a:lvl4pPr marL="1371600" algn="l" rtl="0" fontAlgn="base">
      <a:spcBef>
        <a:spcPct val="0"/>
      </a:spcBef>
      <a:spcAft>
        <a:spcPct val="0"/>
      </a:spcAft>
      <a:defRPr sz="1200" kern="1200">
        <a:solidFill>
          <a:srgbClr val="000000"/>
        </a:solidFill>
        <a:latin typeface="Arial" charset="0"/>
        <a:ea typeface="ヒラギノ角ゴ ProN W3" charset="0"/>
        <a:cs typeface="ヒラギノ角ゴ ProN W3" charset="0"/>
        <a:sym typeface="Arial" charset="0"/>
      </a:defRPr>
    </a:lvl4pPr>
    <a:lvl5pPr marL="1828800" algn="l" rtl="0" fontAlgn="base">
      <a:spcBef>
        <a:spcPct val="0"/>
      </a:spcBef>
      <a:spcAft>
        <a:spcPct val="0"/>
      </a:spcAft>
      <a:defRPr sz="1200" kern="1200">
        <a:solidFill>
          <a:srgbClr val="000000"/>
        </a:solidFill>
        <a:latin typeface="Arial" charset="0"/>
        <a:ea typeface="ヒラギノ角ゴ ProN W3" charset="0"/>
        <a:cs typeface="ヒラギノ角ゴ ProN W3" charset="0"/>
        <a:sym typeface="Arial" charset="0"/>
      </a:defRPr>
    </a:lvl5pPr>
    <a:lvl6pPr marL="2286000" algn="l" defTabSz="914400" rtl="0" eaLnBrk="1" latinLnBrk="0" hangingPunct="1">
      <a:defRPr sz="1200" kern="1200">
        <a:solidFill>
          <a:srgbClr val="000000"/>
        </a:solidFill>
        <a:latin typeface="Arial" charset="0"/>
        <a:ea typeface="ヒラギノ角ゴ ProN W3" charset="0"/>
        <a:cs typeface="ヒラギノ角ゴ ProN W3" charset="0"/>
        <a:sym typeface="Arial" charset="0"/>
      </a:defRPr>
    </a:lvl6pPr>
    <a:lvl7pPr marL="2743200" algn="l" defTabSz="914400" rtl="0" eaLnBrk="1" latinLnBrk="0" hangingPunct="1">
      <a:defRPr sz="1200" kern="1200">
        <a:solidFill>
          <a:srgbClr val="000000"/>
        </a:solidFill>
        <a:latin typeface="Arial" charset="0"/>
        <a:ea typeface="ヒラギノ角ゴ ProN W3" charset="0"/>
        <a:cs typeface="ヒラギノ角ゴ ProN W3" charset="0"/>
        <a:sym typeface="Arial" charset="0"/>
      </a:defRPr>
    </a:lvl7pPr>
    <a:lvl8pPr marL="3200400" algn="l" defTabSz="914400" rtl="0" eaLnBrk="1" latinLnBrk="0" hangingPunct="1">
      <a:defRPr sz="1200" kern="1200">
        <a:solidFill>
          <a:srgbClr val="000000"/>
        </a:solidFill>
        <a:latin typeface="Arial" charset="0"/>
        <a:ea typeface="ヒラギノ角ゴ ProN W3" charset="0"/>
        <a:cs typeface="ヒラギノ角ゴ ProN W3" charset="0"/>
        <a:sym typeface="Arial" charset="0"/>
      </a:defRPr>
    </a:lvl8pPr>
    <a:lvl9pPr marL="3657600" algn="l" defTabSz="914400" rtl="0" eaLnBrk="1" latinLnBrk="0" hangingPunct="1">
      <a:defRPr sz="1200" kern="1200">
        <a:solidFill>
          <a:srgbClr val="000000"/>
        </a:solidFill>
        <a:latin typeface="Arial" charset="0"/>
        <a:ea typeface="ヒラギノ角ゴ ProN W3" charset="0"/>
        <a:cs typeface="ヒラギノ角ゴ ProN W3" charset="0"/>
        <a:sym typeface="Arial" charset="0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024">
          <p15:clr>
            <a:srgbClr val="A4A3A4"/>
          </p15:clr>
        </p15:guide>
        <p15:guide id="2" pos="2304">
          <p15:clr>
            <a:srgbClr val="A4A3A4"/>
          </p15:clr>
        </p15:guide>
        <p15:guide id="3" orient="horz" pos="2909">
          <p15:clr>
            <a:srgbClr val="A4A3A4"/>
          </p15:clr>
        </p15:guide>
        <p15:guide id="4" pos="2189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/>
  <p:showPr showNarration="1" useTimings="0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4080"/>
    <a:srgbClr val="006EB8"/>
    <a:srgbClr val="0099CC"/>
    <a:srgbClr val="007CA8"/>
    <a:srgbClr val="0033CC"/>
    <a:srgbClr val="FF8000"/>
    <a:srgbClr val="804000"/>
    <a:srgbClr val="00FF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6162" autoAdjust="0"/>
    <p:restoredTop sz="99238" autoAdjust="0"/>
  </p:normalViewPr>
  <p:slideViewPr>
    <p:cSldViewPr>
      <p:cViewPr>
        <p:scale>
          <a:sx n="60" d="100"/>
          <a:sy n="60" d="100"/>
        </p:scale>
        <p:origin x="1368" y="168"/>
      </p:cViewPr>
      <p:guideLst>
        <p:guide orient="horz" pos="2160"/>
        <p:guide pos="2880"/>
      </p:guideLst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80" d="100"/>
        <a:sy n="80" d="100"/>
      </p:scale>
      <p:origin x="0" y="0"/>
    </p:cViewPr>
  </p:sorterViewPr>
  <p:notesViewPr>
    <p:cSldViewPr>
      <p:cViewPr varScale="1">
        <p:scale>
          <a:sx n="63" d="100"/>
          <a:sy n="63" d="100"/>
        </p:scale>
        <p:origin x="-3264" y="-126"/>
      </p:cViewPr>
      <p:guideLst>
        <p:guide orient="horz" pos="3024"/>
        <p:guide pos="2304"/>
        <p:guide orient="horz" pos="2909"/>
        <p:guide pos="2189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handoutMaster" Target="handoutMasters/handoutMaster1.xml"/><Relationship Id="rId3" Type="http://schemas.openxmlformats.org/officeDocument/2006/relationships/customXml" Target="../customXml/item3.xml"/><Relationship Id="rId21" Type="http://schemas.openxmlformats.org/officeDocument/2006/relationships/slide" Target="slides/slide17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notesMaster" Target="notesMasters/notesMaster1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theme" Target="theme/theme1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viewProps" Target="viewProps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presProps" Target="presProps.xml"/><Relationship Id="rId30" Type="http://schemas.openxmlformats.org/officeDocument/2006/relationships/tableStyles" Target="tableStyles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mzandia\Desktop\Important\SCA%20fabrication%20plan.xls" TargetMode="Externa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mzandia\Desktop\H4RG-15\NSF%20lot%203\Specral%20response%20SWIR.xls" TargetMode="External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mzandia\Desktop\Important\SCA%20fabrication%20plan.xls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0.14615564620687474"/>
          <c:y val="3.1441412789975066E-2"/>
          <c:w val="0.78844292190748888"/>
          <c:h val="0.82607106176945266"/>
        </c:manualLayout>
      </c:layout>
      <c:scatterChart>
        <c:scatterStyle val="smoothMarker"/>
        <c:varyColors val="0"/>
        <c:ser>
          <c:idx val="0"/>
          <c:order val="0"/>
          <c:tx>
            <c:strRef>
              <c:f>'H4RG-15 Idark'!$E$5</c:f>
              <c:strCache>
                <c:ptCount val="1"/>
                <c:pt idx="0">
                  <c:v>S/N 18315 (NIR 1.79 micron)</c:v>
                </c:pt>
              </c:strCache>
            </c:strRef>
          </c:tx>
          <c:spPr>
            <a:ln>
              <a:noFill/>
            </a:ln>
          </c:spPr>
          <c:marker>
            <c:symbol val="diamond"/>
            <c:size val="11"/>
            <c:spPr>
              <a:solidFill>
                <a:srgbClr val="FF0000"/>
              </a:solidFill>
            </c:spPr>
          </c:marker>
          <c:xVal>
            <c:numRef>
              <c:f>'H4RG-15 Idark'!$D$6:$D$8</c:f>
              <c:numCache>
                <c:formatCode>General</c:formatCode>
                <c:ptCount val="3"/>
                <c:pt idx="0">
                  <c:v>110</c:v>
                </c:pt>
                <c:pt idx="1">
                  <c:v>120</c:v>
                </c:pt>
                <c:pt idx="2">
                  <c:v>130</c:v>
                </c:pt>
              </c:numCache>
            </c:numRef>
          </c:xVal>
          <c:yVal>
            <c:numRef>
              <c:f>'H4RG-15 Idark'!$E$6:$E$8</c:f>
              <c:numCache>
                <c:formatCode>General</c:formatCode>
                <c:ptCount val="3"/>
                <c:pt idx="0">
                  <c:v>6.0000000000000001E-3</c:v>
                </c:pt>
                <c:pt idx="1">
                  <c:v>1.9E-2</c:v>
                </c:pt>
                <c:pt idx="2">
                  <c:v>2.3E-2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0-738A-4EB9-B42E-29ED6D4C47A6}"/>
            </c:ext>
          </c:extLst>
        </c:ser>
        <c:ser>
          <c:idx val="1"/>
          <c:order val="1"/>
          <c:tx>
            <c:strRef>
              <c:f>'H4RG-15 Idark'!$F$5</c:f>
              <c:strCache>
                <c:ptCount val="1"/>
                <c:pt idx="0">
                  <c:v>S/N 18321 (NIR 1.78 micron)</c:v>
                </c:pt>
              </c:strCache>
            </c:strRef>
          </c:tx>
          <c:spPr>
            <a:ln>
              <a:noFill/>
            </a:ln>
          </c:spPr>
          <c:marker>
            <c:symbol val="circle"/>
            <c:size val="10"/>
            <c:spPr>
              <a:solidFill>
                <a:schemeClr val="tx1">
                  <a:lumMod val="95000"/>
                  <a:lumOff val="5000"/>
                </a:schemeClr>
              </a:solidFill>
            </c:spPr>
          </c:marker>
          <c:xVal>
            <c:numRef>
              <c:f>'H4RG-15 Idark'!$D$6:$D$8</c:f>
              <c:numCache>
                <c:formatCode>General</c:formatCode>
                <c:ptCount val="3"/>
                <c:pt idx="0">
                  <c:v>110</c:v>
                </c:pt>
                <c:pt idx="1">
                  <c:v>120</c:v>
                </c:pt>
                <c:pt idx="2">
                  <c:v>130</c:v>
                </c:pt>
              </c:numCache>
            </c:numRef>
          </c:xVal>
          <c:yVal>
            <c:numRef>
              <c:f>'H4RG-15 Idark'!$F$6:$F$8</c:f>
              <c:numCache>
                <c:formatCode>General</c:formatCode>
                <c:ptCount val="3"/>
                <c:pt idx="0">
                  <c:v>8.0000000000000002E-3</c:v>
                </c:pt>
                <c:pt idx="1">
                  <c:v>8.9999999999999993E-3</c:v>
                </c:pt>
                <c:pt idx="2">
                  <c:v>4.7E-2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1-738A-4EB9-B42E-29ED6D4C47A6}"/>
            </c:ext>
          </c:extLst>
        </c:ser>
        <c:ser>
          <c:idx val="3"/>
          <c:order val="2"/>
          <c:tx>
            <c:strRef>
              <c:f>'H4RG-15 Idark'!$G$5</c:f>
              <c:strCache>
                <c:ptCount val="1"/>
                <c:pt idx="0">
                  <c:v>S/N 18661 (NIR 1.72micron)</c:v>
                </c:pt>
              </c:strCache>
            </c:strRef>
          </c:tx>
          <c:spPr>
            <a:ln w="28575">
              <a:noFill/>
            </a:ln>
          </c:spPr>
          <c:marker>
            <c:symbol val="circle"/>
            <c:size val="10"/>
            <c:spPr>
              <a:solidFill>
                <a:srgbClr val="FFC000"/>
              </a:solidFill>
              <a:ln>
                <a:solidFill>
                  <a:srgbClr val="FFFF00"/>
                </a:solidFill>
              </a:ln>
            </c:spPr>
          </c:marker>
          <c:xVal>
            <c:numRef>
              <c:f>'H4RG-15 Idark'!$D$6:$D$14</c:f>
              <c:numCache>
                <c:formatCode>General</c:formatCode>
                <c:ptCount val="9"/>
                <c:pt idx="0">
                  <c:v>110</c:v>
                </c:pt>
                <c:pt idx="1">
                  <c:v>120</c:v>
                </c:pt>
                <c:pt idx="2">
                  <c:v>130</c:v>
                </c:pt>
                <c:pt idx="3">
                  <c:v>120</c:v>
                </c:pt>
                <c:pt idx="4">
                  <c:v>117.7</c:v>
                </c:pt>
                <c:pt idx="5">
                  <c:v>116.6</c:v>
                </c:pt>
                <c:pt idx="6">
                  <c:v>113</c:v>
                </c:pt>
                <c:pt idx="7">
                  <c:v>110</c:v>
                </c:pt>
                <c:pt idx="8">
                  <c:v>80</c:v>
                </c:pt>
              </c:numCache>
            </c:numRef>
          </c:xVal>
          <c:yVal>
            <c:numRef>
              <c:f>'H4RG-15 Idark'!$G$6:$G$14</c:f>
              <c:numCache>
                <c:formatCode>General</c:formatCode>
                <c:ptCount val="9"/>
                <c:pt idx="5">
                  <c:v>1.2E-2</c:v>
                </c:pt>
                <c:pt idx="6">
                  <c:v>0.01</c:v>
                </c:pt>
                <c:pt idx="7">
                  <c:v>6.6E-3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2-738A-4EB9-B42E-29ED6D4C47A6}"/>
            </c:ext>
          </c:extLst>
        </c:ser>
        <c:ser>
          <c:idx val="6"/>
          <c:order val="3"/>
          <c:tx>
            <c:strRef>
              <c:f>'H4RG-15 Idark'!$H$5</c:f>
              <c:strCache>
                <c:ptCount val="1"/>
                <c:pt idx="0">
                  <c:v>S/N 18660 (NIR 1.73micron)</c:v>
                </c:pt>
              </c:strCache>
            </c:strRef>
          </c:tx>
          <c:spPr>
            <a:ln w="28575">
              <a:noFill/>
            </a:ln>
          </c:spPr>
          <c:marker>
            <c:spPr>
              <a:solidFill>
                <a:srgbClr val="00B0F0"/>
              </a:solidFill>
            </c:spPr>
          </c:marker>
          <c:dPt>
            <c:idx val="1"/>
            <c:marker>
              <c:symbol val="square"/>
              <c:size val="7"/>
            </c:marker>
            <c:bubble3D val="0"/>
            <c:extLst>
              <c:ext xmlns:c16="http://schemas.microsoft.com/office/drawing/2014/chart" uri="{C3380CC4-5D6E-409C-BE32-E72D297353CC}">
                <c16:uniqueId val="{00000003-738A-4EB9-B42E-29ED6D4C47A6}"/>
              </c:ext>
            </c:extLst>
          </c:dPt>
          <c:xVal>
            <c:numRef>
              <c:f>'H4RG-15 Idark'!$D$6:$D$8</c:f>
              <c:numCache>
                <c:formatCode>General</c:formatCode>
                <c:ptCount val="3"/>
                <c:pt idx="0">
                  <c:v>110</c:v>
                </c:pt>
                <c:pt idx="1">
                  <c:v>120</c:v>
                </c:pt>
                <c:pt idx="2">
                  <c:v>130</c:v>
                </c:pt>
              </c:numCache>
            </c:numRef>
          </c:xVal>
          <c:yVal>
            <c:numRef>
              <c:f>'H4RG-15 Idark'!$H$6:$H$8</c:f>
              <c:numCache>
                <c:formatCode>General</c:formatCode>
                <c:ptCount val="3"/>
                <c:pt idx="1">
                  <c:v>1.6E-2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4-738A-4EB9-B42E-29ED6D4C47A6}"/>
            </c:ext>
          </c:extLst>
        </c:ser>
        <c:ser>
          <c:idx val="4"/>
          <c:order val="4"/>
          <c:tx>
            <c:strRef>
              <c:f>'H4RG-15 Idark'!$J$5</c:f>
              <c:strCache>
                <c:ptCount val="1"/>
                <c:pt idx="0">
                  <c:v>S/N 18574 (SWIR 2.50 micron)</c:v>
                </c:pt>
              </c:strCache>
            </c:strRef>
          </c:tx>
          <c:spPr>
            <a:ln w="28575">
              <a:noFill/>
            </a:ln>
          </c:spPr>
          <c:marker>
            <c:symbol val="diamond"/>
            <c:size val="10"/>
            <c:spPr>
              <a:solidFill>
                <a:srgbClr val="00B050"/>
              </a:solidFill>
            </c:spPr>
          </c:marker>
          <c:xVal>
            <c:numRef>
              <c:f>'H4RG-15 Idark'!$D$6:$D$14</c:f>
              <c:numCache>
                <c:formatCode>General</c:formatCode>
                <c:ptCount val="9"/>
                <c:pt idx="0">
                  <c:v>110</c:v>
                </c:pt>
                <c:pt idx="1">
                  <c:v>120</c:v>
                </c:pt>
                <c:pt idx="2">
                  <c:v>130</c:v>
                </c:pt>
                <c:pt idx="3">
                  <c:v>120</c:v>
                </c:pt>
                <c:pt idx="4">
                  <c:v>117.7</c:v>
                </c:pt>
                <c:pt idx="5">
                  <c:v>116.6</c:v>
                </c:pt>
                <c:pt idx="6">
                  <c:v>113</c:v>
                </c:pt>
                <c:pt idx="7">
                  <c:v>110</c:v>
                </c:pt>
                <c:pt idx="8">
                  <c:v>80</c:v>
                </c:pt>
              </c:numCache>
            </c:numRef>
          </c:xVal>
          <c:yVal>
            <c:numRef>
              <c:f>'H4RG-15 Idark'!$J$6:$J$14</c:f>
              <c:numCache>
                <c:formatCode>General</c:formatCode>
                <c:ptCount val="9"/>
                <c:pt idx="8">
                  <c:v>1.6E-2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5-738A-4EB9-B42E-29ED6D4C47A6}"/>
            </c:ext>
          </c:extLst>
        </c:ser>
        <c:ser>
          <c:idx val="2"/>
          <c:order val="5"/>
          <c:tx>
            <c:strRef>
              <c:f>'H4RG-15 Idark'!$I$5</c:f>
              <c:strCache>
                <c:ptCount val="1"/>
                <c:pt idx="0">
                  <c:v>S/N 18575 (SWIR 2.45 micron)</c:v>
                </c:pt>
              </c:strCache>
            </c:strRef>
          </c:tx>
          <c:spPr>
            <a:ln w="28575">
              <a:noFill/>
            </a:ln>
          </c:spPr>
          <c:marker>
            <c:symbol val="square"/>
            <c:size val="11"/>
            <c:spPr>
              <a:solidFill>
                <a:srgbClr val="0070C0"/>
              </a:solidFill>
            </c:spPr>
          </c:marker>
          <c:xVal>
            <c:numRef>
              <c:f>'H4RG-15 Idark'!$D$14</c:f>
              <c:numCache>
                <c:formatCode>General</c:formatCode>
                <c:ptCount val="1"/>
                <c:pt idx="0">
                  <c:v>80</c:v>
                </c:pt>
              </c:numCache>
            </c:numRef>
          </c:xVal>
          <c:yVal>
            <c:numRef>
              <c:f>'H4RG-15 Idark'!$I$14</c:f>
              <c:numCache>
                <c:formatCode>General</c:formatCode>
                <c:ptCount val="1"/>
                <c:pt idx="0">
                  <c:v>5.4999999999999997E-3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6-738A-4EB9-B42E-29ED6D4C47A6}"/>
            </c:ext>
          </c:extLst>
        </c:ser>
        <c:ser>
          <c:idx val="5"/>
          <c:order val="6"/>
          <c:tx>
            <c:strRef>
              <c:f>'H4RG-15 Idark'!$K$5</c:f>
              <c:strCache>
                <c:ptCount val="1"/>
                <c:pt idx="0">
                  <c:v>S/N 18564 (SWIR 2.55 micron)</c:v>
                </c:pt>
              </c:strCache>
            </c:strRef>
          </c:tx>
          <c:spPr>
            <a:ln w="28575">
              <a:noFill/>
            </a:ln>
          </c:spPr>
          <c:marker>
            <c:symbol val="diamond"/>
            <c:size val="7"/>
          </c:marker>
          <c:dPt>
            <c:idx val="8"/>
            <c:marker>
              <c:symbol val="diamond"/>
              <c:size val="13"/>
              <c:spPr>
                <a:solidFill>
                  <a:schemeClr val="tx2">
                    <a:lumMod val="60000"/>
                    <a:lumOff val="40000"/>
                  </a:schemeClr>
                </a:solidFill>
              </c:spPr>
            </c:marker>
            <c:bubble3D val="0"/>
            <c:extLst>
              <c:ext xmlns:c16="http://schemas.microsoft.com/office/drawing/2014/chart" uri="{C3380CC4-5D6E-409C-BE32-E72D297353CC}">
                <c16:uniqueId val="{00000007-738A-4EB9-B42E-29ED6D4C47A6}"/>
              </c:ext>
            </c:extLst>
          </c:dPt>
          <c:xVal>
            <c:numRef>
              <c:f>'H4RG-15 Idark'!$D$6:$D$14</c:f>
              <c:numCache>
                <c:formatCode>General</c:formatCode>
                <c:ptCount val="9"/>
                <c:pt idx="0">
                  <c:v>110</c:v>
                </c:pt>
                <c:pt idx="1">
                  <c:v>120</c:v>
                </c:pt>
                <c:pt idx="2">
                  <c:v>130</c:v>
                </c:pt>
                <c:pt idx="3">
                  <c:v>120</c:v>
                </c:pt>
                <c:pt idx="4">
                  <c:v>117.7</c:v>
                </c:pt>
                <c:pt idx="5">
                  <c:v>116.6</c:v>
                </c:pt>
                <c:pt idx="6">
                  <c:v>113</c:v>
                </c:pt>
                <c:pt idx="7">
                  <c:v>110</c:v>
                </c:pt>
                <c:pt idx="8">
                  <c:v>80</c:v>
                </c:pt>
              </c:numCache>
            </c:numRef>
          </c:xVal>
          <c:yVal>
            <c:numRef>
              <c:f>'H4RG-15 Idark'!$K$6:$K$14</c:f>
              <c:numCache>
                <c:formatCode>General</c:formatCode>
                <c:ptCount val="9"/>
                <c:pt idx="8">
                  <c:v>7.0000000000000001E-3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8-738A-4EB9-B42E-29ED6D4C47A6}"/>
            </c:ext>
          </c:extLst>
        </c:ser>
        <c:ser>
          <c:idx val="7"/>
          <c:order val="7"/>
          <c:tx>
            <c:strRef>
              <c:f>'H4RG-15 Idark'!$M$5</c:f>
              <c:strCache>
                <c:ptCount val="1"/>
                <c:pt idx="0">
                  <c:v>S/N 18586 (SWIR 2.55 micron)</c:v>
                </c:pt>
              </c:strCache>
            </c:strRef>
          </c:tx>
          <c:spPr>
            <a:ln w="28575">
              <a:noFill/>
            </a:ln>
          </c:spPr>
          <c:marker>
            <c:symbol val="diamond"/>
            <c:size val="9"/>
            <c:spPr>
              <a:solidFill>
                <a:schemeClr val="tx1"/>
              </a:solidFill>
            </c:spPr>
          </c:marker>
          <c:dPt>
            <c:idx val="0"/>
            <c:marker>
              <c:symbol val="diamond"/>
              <c:size val="12"/>
            </c:marker>
            <c:bubble3D val="0"/>
            <c:extLst>
              <c:ext xmlns:c16="http://schemas.microsoft.com/office/drawing/2014/chart" uri="{C3380CC4-5D6E-409C-BE32-E72D297353CC}">
                <c16:uniqueId val="{00000009-738A-4EB9-B42E-29ED6D4C47A6}"/>
              </c:ext>
            </c:extLst>
          </c:dPt>
          <c:xVal>
            <c:numRef>
              <c:f>'H4RG-15 Idark'!$D$14</c:f>
              <c:numCache>
                <c:formatCode>General</c:formatCode>
                <c:ptCount val="1"/>
                <c:pt idx="0">
                  <c:v>80</c:v>
                </c:pt>
              </c:numCache>
            </c:numRef>
          </c:xVal>
          <c:yVal>
            <c:numRef>
              <c:f>'H4RG-15 Idark'!$M$14</c:f>
              <c:numCache>
                <c:formatCode>General</c:formatCode>
                <c:ptCount val="1"/>
                <c:pt idx="0">
                  <c:v>1.4999999999999999E-2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A-738A-4EB9-B42E-29ED6D4C47A6}"/>
            </c:ext>
          </c:extLst>
        </c:ser>
        <c:ser>
          <c:idx val="8"/>
          <c:order val="8"/>
          <c:tx>
            <c:strRef>
              <c:f>'H4RG-15 Idark'!$N$5</c:f>
              <c:strCache>
                <c:ptCount val="1"/>
                <c:pt idx="0">
                  <c:v>S/N 18788 (NIR 1.72 micron)</c:v>
                </c:pt>
              </c:strCache>
            </c:strRef>
          </c:tx>
          <c:spPr>
            <a:ln w="28575">
              <a:noFill/>
            </a:ln>
          </c:spPr>
          <c:marker>
            <c:symbol val="triangle"/>
            <c:size val="7"/>
            <c:spPr>
              <a:solidFill>
                <a:srgbClr val="00B050"/>
              </a:solidFill>
            </c:spPr>
          </c:marker>
          <c:xVal>
            <c:numRef>
              <c:f>'H4RG-15 Idark'!$D$13</c:f>
              <c:numCache>
                <c:formatCode>General</c:formatCode>
                <c:ptCount val="1"/>
                <c:pt idx="0">
                  <c:v>110</c:v>
                </c:pt>
              </c:numCache>
            </c:numRef>
          </c:xVal>
          <c:yVal>
            <c:numRef>
              <c:f>'H4RG-15 Idark'!$N$13</c:f>
              <c:numCache>
                <c:formatCode>General</c:formatCode>
                <c:ptCount val="1"/>
                <c:pt idx="0">
                  <c:v>8.0000000000000002E-3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B-738A-4EB9-B42E-29ED6D4C47A6}"/>
            </c:ext>
          </c:extLst>
        </c:ser>
        <c:ser>
          <c:idx val="9"/>
          <c:order val="9"/>
          <c:tx>
            <c:strRef>
              <c:f>'H4RG-15 Idark'!$L$5</c:f>
              <c:strCache>
                <c:ptCount val="1"/>
                <c:pt idx="0">
                  <c:v>S/N 18686 (SWIR 1.73 micron)</c:v>
                </c:pt>
              </c:strCache>
            </c:strRef>
          </c:tx>
          <c:spPr>
            <a:ln w="28575">
              <a:noFill/>
            </a:ln>
          </c:spPr>
          <c:marker>
            <c:symbol val="x"/>
            <c:size val="7"/>
            <c:spPr>
              <a:solidFill>
                <a:srgbClr val="C00000"/>
              </a:solidFill>
            </c:spPr>
          </c:marker>
          <c:xVal>
            <c:numRef>
              <c:f>'H4RG-15 Idark'!$D$7</c:f>
              <c:numCache>
                <c:formatCode>General</c:formatCode>
                <c:ptCount val="1"/>
                <c:pt idx="0">
                  <c:v>120</c:v>
                </c:pt>
              </c:numCache>
            </c:numRef>
          </c:xVal>
          <c:yVal>
            <c:numRef>
              <c:f>'H4RG-15 Idark'!$L$7</c:f>
              <c:numCache>
                <c:formatCode>General</c:formatCode>
                <c:ptCount val="1"/>
                <c:pt idx="0">
                  <c:v>2.5999999999999999E-2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C-738A-4EB9-B42E-29ED6D4C47A6}"/>
            </c:ext>
          </c:extLst>
        </c:ser>
        <c:ser>
          <c:idx val="10"/>
          <c:order val="10"/>
          <c:tx>
            <c:strRef>
              <c:f>'H4RG-15 Idark'!$O$5</c:f>
              <c:strCache>
                <c:ptCount val="1"/>
                <c:pt idx="0">
                  <c:v>S/N 18785 (NIR 1.72 micron)</c:v>
                </c:pt>
              </c:strCache>
            </c:strRef>
          </c:tx>
          <c:spPr>
            <a:ln w="28575">
              <a:noFill/>
            </a:ln>
          </c:spPr>
          <c:marker>
            <c:spPr>
              <a:solidFill>
                <a:schemeClr val="accent2">
                  <a:lumMod val="60000"/>
                  <a:lumOff val="40000"/>
                </a:schemeClr>
              </a:solidFill>
            </c:spPr>
          </c:marker>
          <c:xVal>
            <c:numRef>
              <c:f>'H4RG-15 Idark'!$D$13</c:f>
              <c:numCache>
                <c:formatCode>General</c:formatCode>
                <c:ptCount val="1"/>
                <c:pt idx="0">
                  <c:v>110</c:v>
                </c:pt>
              </c:numCache>
            </c:numRef>
          </c:xVal>
          <c:yVal>
            <c:numRef>
              <c:f>'H4RG-15 Idark'!$O$13</c:f>
              <c:numCache>
                <c:formatCode>General</c:formatCode>
                <c:ptCount val="1"/>
                <c:pt idx="0">
                  <c:v>5.0000000000000001E-3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D-738A-4EB9-B42E-29ED6D4C47A6}"/>
            </c:ext>
          </c:extLst>
        </c:ser>
        <c:ser>
          <c:idx val="11"/>
          <c:order val="11"/>
          <c:tx>
            <c:strRef>
              <c:f>'H4RG-15 Idark'!$P$5</c:f>
              <c:strCache>
                <c:ptCount val="1"/>
                <c:pt idx="0">
                  <c:v>S/N 18859 (SWIR 2.43 micron)</c:v>
                </c:pt>
              </c:strCache>
            </c:strRef>
          </c:tx>
          <c:spPr>
            <a:ln w="28575">
              <a:noFill/>
            </a:ln>
          </c:spPr>
          <c:xVal>
            <c:numRef>
              <c:f>'H4RG-15 Idark'!$D$14</c:f>
              <c:numCache>
                <c:formatCode>General</c:formatCode>
                <c:ptCount val="1"/>
                <c:pt idx="0">
                  <c:v>80</c:v>
                </c:pt>
              </c:numCache>
            </c:numRef>
          </c:xVal>
          <c:yVal>
            <c:numRef>
              <c:f>'H4RG-15 Idark'!$P$14</c:f>
              <c:numCache>
                <c:formatCode>General</c:formatCode>
                <c:ptCount val="1"/>
                <c:pt idx="0">
                  <c:v>8.0000000000000002E-3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E-738A-4EB9-B42E-29ED6D4C47A6}"/>
            </c:ext>
          </c:extLst>
        </c:ser>
        <c:ser>
          <c:idx val="12"/>
          <c:order val="12"/>
          <c:tx>
            <c:strRef>
              <c:f>'H4RG-15 Idark'!$Q$5</c:f>
              <c:strCache>
                <c:ptCount val="1"/>
                <c:pt idx="0">
                  <c:v>S/N 18860 (SWIR 2.45 micron)</c:v>
                </c:pt>
              </c:strCache>
            </c:strRef>
          </c:tx>
          <c:spPr>
            <a:ln w="28575">
              <a:noFill/>
            </a:ln>
          </c:spPr>
          <c:marker>
            <c:symbol val="circle"/>
            <c:size val="8"/>
            <c:spPr>
              <a:solidFill>
                <a:srgbClr val="FF0000"/>
              </a:solidFill>
            </c:spPr>
          </c:marker>
          <c:xVal>
            <c:numRef>
              <c:f>'H4RG-15 Idark'!$D$14</c:f>
              <c:numCache>
                <c:formatCode>General</c:formatCode>
                <c:ptCount val="1"/>
                <c:pt idx="0">
                  <c:v>80</c:v>
                </c:pt>
              </c:numCache>
            </c:numRef>
          </c:xVal>
          <c:yVal>
            <c:numRef>
              <c:f>'H4RG-15 Idark'!$Q$14</c:f>
              <c:numCache>
                <c:formatCode>General</c:formatCode>
                <c:ptCount val="1"/>
                <c:pt idx="0">
                  <c:v>7.0000000000000001E-3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F-738A-4EB9-B42E-29ED6D4C47A6}"/>
            </c:ext>
          </c:extLst>
        </c:ser>
        <c:ser>
          <c:idx val="13"/>
          <c:order val="13"/>
          <c:tx>
            <c:strRef>
              <c:f>'H4RG-15 Idark'!$R$5</c:f>
              <c:strCache>
                <c:ptCount val="1"/>
                <c:pt idx="0">
                  <c:v>S/N 18915 (SWIR 2.45 micron)</c:v>
                </c:pt>
              </c:strCache>
            </c:strRef>
          </c:tx>
          <c:spPr>
            <a:ln w="28575">
              <a:noFill/>
            </a:ln>
          </c:spPr>
          <c:marker>
            <c:symbol val="circle"/>
            <c:size val="7"/>
          </c:marker>
          <c:xVal>
            <c:numRef>
              <c:f>'H4RG-15 Idark'!$D$14</c:f>
              <c:numCache>
                <c:formatCode>General</c:formatCode>
                <c:ptCount val="1"/>
                <c:pt idx="0">
                  <c:v>80</c:v>
                </c:pt>
              </c:numCache>
            </c:numRef>
          </c:xVal>
          <c:yVal>
            <c:numRef>
              <c:f>'H4RG-15 Idark'!$R$14</c:f>
              <c:numCache>
                <c:formatCode>General</c:formatCode>
                <c:ptCount val="1"/>
                <c:pt idx="0">
                  <c:v>1.4999999999999999E-2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10-738A-4EB9-B42E-29ED6D4C47A6}"/>
            </c:ext>
          </c:extLst>
        </c:ser>
        <c:ser>
          <c:idx val="14"/>
          <c:order val="14"/>
          <c:tx>
            <c:strRef>
              <c:f>'H4RG-15 Idark'!$S$5</c:f>
              <c:strCache>
                <c:ptCount val="1"/>
                <c:pt idx="0">
                  <c:v>S/N 18916 (SWIR 2.45 micron)</c:v>
                </c:pt>
              </c:strCache>
            </c:strRef>
          </c:tx>
          <c:spPr>
            <a:ln w="28575">
              <a:noFill/>
            </a:ln>
          </c:spPr>
          <c:marker>
            <c:symbol val="diamond"/>
            <c:size val="10"/>
            <c:spPr>
              <a:solidFill>
                <a:srgbClr val="FFC000"/>
              </a:solidFill>
            </c:spPr>
          </c:marker>
          <c:xVal>
            <c:numRef>
              <c:f>'H4RG-15 Idark'!$D$14</c:f>
              <c:numCache>
                <c:formatCode>General</c:formatCode>
                <c:ptCount val="1"/>
                <c:pt idx="0">
                  <c:v>80</c:v>
                </c:pt>
              </c:numCache>
            </c:numRef>
          </c:xVal>
          <c:yVal>
            <c:numRef>
              <c:f>'H4RG-15 Idark'!$S$14</c:f>
              <c:numCache>
                <c:formatCode>General</c:formatCode>
                <c:ptCount val="1"/>
                <c:pt idx="0">
                  <c:v>1.7999999999999999E-2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11-738A-4EB9-B42E-29ED6D4C47A6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189262032"/>
        <c:axId val="1"/>
      </c:scatterChart>
      <c:valAx>
        <c:axId val="189262032"/>
        <c:scaling>
          <c:orientation val="minMax"/>
          <c:max val="140"/>
          <c:min val="70"/>
        </c:scaling>
        <c:delete val="0"/>
        <c:axPos val="b"/>
        <c:title>
          <c:tx>
            <c:rich>
              <a:bodyPr/>
              <a:lstStyle/>
              <a:p>
                <a:pPr>
                  <a:defRPr sz="1600" b="1" i="0" u="none" strike="noStrike" baseline="0">
                    <a:solidFill>
                      <a:srgbClr val="000000"/>
                    </a:solidFill>
                    <a:latin typeface="Calibri"/>
                    <a:ea typeface="Calibri"/>
                    <a:cs typeface="Calibri"/>
                  </a:defRPr>
                </a:pPr>
                <a:r>
                  <a:rPr lang="en-US"/>
                  <a:t>Temperature (K)</a:t>
                </a:r>
              </a:p>
            </c:rich>
          </c:tx>
          <c:layout/>
          <c:overlay val="0"/>
        </c:title>
        <c:numFmt formatCode="General" sourceLinked="1"/>
        <c:majorTickMark val="in"/>
        <c:minorTickMark val="in"/>
        <c:tickLblPos val="nextTo"/>
        <c:txPr>
          <a:bodyPr rot="0" vert="horz"/>
          <a:lstStyle/>
          <a:p>
            <a:pPr>
              <a:defRPr sz="1200" b="1" i="0" u="none" strike="noStrike" baseline="0">
                <a:solidFill>
                  <a:srgbClr val="000000"/>
                </a:solidFill>
                <a:latin typeface="Calibri"/>
                <a:ea typeface="Calibri"/>
                <a:cs typeface="Calibri"/>
              </a:defRPr>
            </a:pPr>
            <a:endParaRPr lang="en-US"/>
          </a:p>
        </c:txPr>
        <c:crossAx val="1"/>
        <c:crossesAt val="1E-3"/>
        <c:crossBetween val="midCat"/>
      </c:valAx>
      <c:valAx>
        <c:axId val="1"/>
        <c:scaling>
          <c:logBase val="10"/>
          <c:orientation val="minMax"/>
          <c:max val="0.1"/>
        </c:scaling>
        <c:delete val="0"/>
        <c:axPos val="l"/>
        <c:majorGridlines>
          <c:spPr>
            <a:ln>
              <a:gradFill>
                <a:gsLst>
                  <a:gs pos="0">
                    <a:schemeClr val="accent1">
                      <a:tint val="66000"/>
                      <a:satMod val="160000"/>
                    </a:schemeClr>
                  </a:gs>
                  <a:gs pos="50000">
                    <a:schemeClr val="accent1">
                      <a:tint val="44500"/>
                      <a:satMod val="160000"/>
                    </a:schemeClr>
                  </a:gs>
                  <a:gs pos="100000">
                    <a:schemeClr val="accent1">
                      <a:tint val="23500"/>
                      <a:satMod val="160000"/>
                    </a:schemeClr>
                  </a:gs>
                </a:gsLst>
                <a:lin ang="5400000" scaled="0"/>
              </a:gradFill>
            </a:ln>
          </c:spPr>
        </c:majorGridlines>
        <c:title>
          <c:tx>
            <c:rich>
              <a:bodyPr/>
              <a:lstStyle/>
              <a:p>
                <a:pPr>
                  <a:defRPr sz="1100" b="0" i="0" u="none" strike="noStrike" baseline="0">
                    <a:solidFill>
                      <a:srgbClr val="000000"/>
                    </a:solidFill>
                    <a:latin typeface="Calibri"/>
                    <a:ea typeface="Calibri"/>
                    <a:cs typeface="Calibri"/>
                  </a:defRPr>
                </a:pPr>
                <a:r>
                  <a:rPr lang="en-US" sz="1600" b="1" i="0" u="none" strike="noStrike" baseline="0">
                    <a:solidFill>
                      <a:srgbClr val="000000"/>
                    </a:solidFill>
                    <a:latin typeface="Calibri"/>
                  </a:rPr>
                  <a:t>Dark Current (e</a:t>
                </a:r>
                <a:r>
                  <a:rPr lang="en-US" sz="1600" b="1" i="0" u="none" strike="noStrike" baseline="30000">
                    <a:solidFill>
                      <a:srgbClr val="000000"/>
                    </a:solidFill>
                    <a:latin typeface="Calibri"/>
                  </a:rPr>
                  <a:t>-</a:t>
                </a:r>
                <a:r>
                  <a:rPr lang="en-US" sz="1600" b="1" i="0" u="none" strike="noStrike" baseline="0">
                    <a:solidFill>
                      <a:srgbClr val="000000"/>
                    </a:solidFill>
                    <a:latin typeface="Calibri"/>
                  </a:rPr>
                  <a:t>/sec/pixel)</a:t>
                </a:r>
              </a:p>
            </c:rich>
          </c:tx>
          <c:layout/>
          <c:overlay val="0"/>
        </c:title>
        <c:numFmt formatCode="General" sourceLinked="1"/>
        <c:majorTickMark val="none"/>
        <c:minorTickMark val="in"/>
        <c:tickLblPos val="nextTo"/>
        <c:txPr>
          <a:bodyPr rot="0" vert="horz"/>
          <a:lstStyle/>
          <a:p>
            <a:pPr>
              <a:defRPr sz="1400" b="1" i="0" u="none" strike="noStrike" baseline="0">
                <a:solidFill>
                  <a:srgbClr val="000000"/>
                </a:solidFill>
                <a:latin typeface="Calibri"/>
                <a:ea typeface="Calibri"/>
                <a:cs typeface="Calibri"/>
              </a:defRPr>
            </a:pPr>
            <a:endParaRPr lang="en-US"/>
          </a:p>
        </c:txPr>
        <c:crossAx val="189262032"/>
        <c:crosses val="autoZero"/>
        <c:crossBetween val="midCat"/>
      </c:valAx>
      <c:spPr>
        <a:ln>
          <a:solidFill>
            <a:schemeClr val="tx1"/>
          </a:solidFill>
        </a:ln>
      </c:spPr>
    </c:plotArea>
    <c:legend>
      <c:legendPos val="r"/>
      <c:layout>
        <c:manualLayout>
          <c:xMode val="edge"/>
          <c:yMode val="edge"/>
          <c:x val="0.77399104523699247"/>
          <c:y val="0.40387619230523014"/>
          <c:w val="0.21711941381159131"/>
          <c:h val="0.42791165639178824"/>
        </c:manualLayout>
      </c:layout>
      <c:overlay val="0"/>
      <c:spPr>
        <a:solidFill>
          <a:schemeClr val="bg1">
            <a:lumMod val="95000"/>
          </a:schemeClr>
        </a:solidFill>
      </c:spPr>
      <c:txPr>
        <a:bodyPr/>
        <a:lstStyle/>
        <a:p>
          <a:pPr>
            <a:defRPr sz="700" b="0" i="0" u="none" strike="noStrike" baseline="0">
              <a:solidFill>
                <a:srgbClr val="000000"/>
              </a:solidFill>
              <a:latin typeface="Calibri"/>
              <a:ea typeface="Calibri"/>
              <a:cs typeface="Calibri"/>
            </a:defRPr>
          </a:pPr>
          <a:endParaRPr lang="en-US"/>
        </a:p>
      </c:txPr>
    </c:legend>
    <c:plotVisOnly val="1"/>
    <c:dispBlanksAs val="gap"/>
    <c:showDLblsOverMax val="0"/>
  </c:chart>
  <c:spPr>
    <a:solidFill>
      <a:schemeClr val="bg1"/>
    </a:solidFill>
    <a:ln>
      <a:noFill/>
    </a:ln>
  </c:spPr>
  <c:txPr>
    <a:bodyPr/>
    <a:lstStyle/>
    <a:p>
      <a:pPr>
        <a:defRPr sz="1000" b="0" i="0" u="none" strike="noStrike" baseline="0">
          <a:solidFill>
            <a:srgbClr val="000000"/>
          </a:solidFill>
          <a:latin typeface="Calibri"/>
          <a:ea typeface="Calibri"/>
          <a:cs typeface="Calibri"/>
        </a:defRPr>
      </a:pPr>
      <a:endParaRPr lang="en-US"/>
    </a:p>
  </c:txPr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0.12930905511811025"/>
          <c:y val="5.0163190679009442E-2"/>
          <c:w val="0.77316627296587925"/>
          <c:h val="0.81176841417776868"/>
        </c:manualLayout>
      </c:layout>
      <c:scatterChart>
        <c:scatterStyle val="smoothMarker"/>
        <c:varyColors val="0"/>
        <c:ser>
          <c:idx val="0"/>
          <c:order val="0"/>
          <c:tx>
            <c:strRef>
              <c:f>Sheet2!$K$1</c:f>
              <c:strCache>
                <c:ptCount val="1"/>
                <c:pt idx="0">
                  <c:v>Spectral Response at 78 K based on PEC and AR coating measurements</c:v>
                </c:pt>
              </c:strCache>
            </c:strRef>
          </c:tx>
          <c:spPr>
            <a:ln>
              <a:solidFill>
                <a:schemeClr val="tx1"/>
              </a:solidFill>
            </a:ln>
          </c:spPr>
          <c:marker>
            <c:symbol val="none"/>
          </c:marker>
          <c:xVal>
            <c:numRef>
              <c:f>Sheet2!$I$8:$I$1052</c:f>
              <c:numCache>
                <c:formatCode>General</c:formatCode>
                <c:ptCount val="1045"/>
                <c:pt idx="3" formatCode="0.00E+00">
                  <c:v>735</c:v>
                </c:pt>
                <c:pt idx="4" formatCode="0.00E+00">
                  <c:v>745</c:v>
                </c:pt>
                <c:pt idx="5" formatCode="0.00E+00">
                  <c:v>755</c:v>
                </c:pt>
                <c:pt idx="6" formatCode="0.00E+00">
                  <c:v>765</c:v>
                </c:pt>
                <c:pt idx="7" formatCode="0.00E+00">
                  <c:v>775</c:v>
                </c:pt>
                <c:pt idx="8" formatCode="0.00E+00">
                  <c:v>785</c:v>
                </c:pt>
                <c:pt idx="9" formatCode="0.00E+00">
                  <c:v>795</c:v>
                </c:pt>
                <c:pt idx="10" formatCode="0.00E+00">
                  <c:v>805</c:v>
                </c:pt>
                <c:pt idx="11" formatCode="0.00E+00">
                  <c:v>815</c:v>
                </c:pt>
                <c:pt idx="12" formatCode="0.00E+00">
                  <c:v>825</c:v>
                </c:pt>
                <c:pt idx="13" formatCode="0.00E+00">
                  <c:v>835</c:v>
                </c:pt>
                <c:pt idx="14" formatCode="0.00E+00">
                  <c:v>845</c:v>
                </c:pt>
                <c:pt idx="15" formatCode="0.00E+00">
                  <c:v>855</c:v>
                </c:pt>
                <c:pt idx="16" formatCode="0.00E+00">
                  <c:v>865</c:v>
                </c:pt>
                <c:pt idx="17" formatCode="0.00E+00">
                  <c:v>875</c:v>
                </c:pt>
                <c:pt idx="18" formatCode="0.00E+00">
                  <c:v>885</c:v>
                </c:pt>
                <c:pt idx="19" formatCode="0.00E+00">
                  <c:v>895</c:v>
                </c:pt>
                <c:pt idx="20" formatCode="0.00E+00">
                  <c:v>905</c:v>
                </c:pt>
                <c:pt idx="21" formatCode="0.00E+00">
                  <c:v>915</c:v>
                </c:pt>
                <c:pt idx="22" formatCode="0.00E+00">
                  <c:v>925</c:v>
                </c:pt>
                <c:pt idx="23" formatCode="0.00E+00">
                  <c:v>935</c:v>
                </c:pt>
                <c:pt idx="24" formatCode="0.00E+00">
                  <c:v>945</c:v>
                </c:pt>
                <c:pt idx="25" formatCode="0.00E+00">
                  <c:v>955</c:v>
                </c:pt>
                <c:pt idx="26" formatCode="0.00E+00">
                  <c:v>965</c:v>
                </c:pt>
                <c:pt idx="27" formatCode="0.00E+00">
                  <c:v>975</c:v>
                </c:pt>
                <c:pt idx="28" formatCode="0.00E+00">
                  <c:v>985</c:v>
                </c:pt>
                <c:pt idx="29" formatCode="0.00E+00">
                  <c:v>995</c:v>
                </c:pt>
                <c:pt idx="30" formatCode="0.00E+00">
                  <c:v>1004.9999999999999</c:v>
                </c:pt>
                <c:pt idx="31" formatCode="0.00E+00">
                  <c:v>1014.9999999999999</c:v>
                </c:pt>
                <c:pt idx="32" formatCode="0.00E+00">
                  <c:v>1025</c:v>
                </c:pt>
                <c:pt idx="33" formatCode="0.00E+00">
                  <c:v>1035</c:v>
                </c:pt>
                <c:pt idx="34" formatCode="0.00E+00">
                  <c:v>1045</c:v>
                </c:pt>
                <c:pt idx="35" formatCode="0.00E+00">
                  <c:v>1055</c:v>
                </c:pt>
                <c:pt idx="36" formatCode="0.00E+00">
                  <c:v>1065</c:v>
                </c:pt>
                <c:pt idx="37" formatCode="0.00E+00">
                  <c:v>1075</c:v>
                </c:pt>
                <c:pt idx="38" formatCode="0.00E+00">
                  <c:v>1085</c:v>
                </c:pt>
                <c:pt idx="39" formatCode="0.00E+00">
                  <c:v>1095</c:v>
                </c:pt>
                <c:pt idx="40" formatCode="0.00E+00">
                  <c:v>1105</c:v>
                </c:pt>
                <c:pt idx="41" formatCode="0.00E+00">
                  <c:v>1115</c:v>
                </c:pt>
                <c:pt idx="42" formatCode="0.00E+00">
                  <c:v>1125</c:v>
                </c:pt>
                <c:pt idx="43" formatCode="0.00E+00">
                  <c:v>1135</c:v>
                </c:pt>
                <c:pt idx="44" formatCode="0.00E+00">
                  <c:v>1145</c:v>
                </c:pt>
                <c:pt idx="45" formatCode="0.00E+00">
                  <c:v>1155</c:v>
                </c:pt>
                <c:pt idx="46" formatCode="0.00E+00">
                  <c:v>1165</c:v>
                </c:pt>
                <c:pt idx="47" formatCode="0.00E+00">
                  <c:v>1175</c:v>
                </c:pt>
                <c:pt idx="48" formatCode="0.00E+00">
                  <c:v>1185</c:v>
                </c:pt>
                <c:pt idx="49" formatCode="0.00E+00">
                  <c:v>1195</c:v>
                </c:pt>
                <c:pt idx="50" formatCode="0.00E+00">
                  <c:v>1205</c:v>
                </c:pt>
                <c:pt idx="51" formatCode="0.00E+00">
                  <c:v>1215</c:v>
                </c:pt>
                <c:pt idx="52" formatCode="0.00E+00">
                  <c:v>1225</c:v>
                </c:pt>
                <c:pt idx="53" formatCode="0.00E+00">
                  <c:v>1235</c:v>
                </c:pt>
                <c:pt idx="54" formatCode="0.00E+00">
                  <c:v>1245</c:v>
                </c:pt>
                <c:pt idx="55" formatCode="0.00E+00">
                  <c:v>1255</c:v>
                </c:pt>
                <c:pt idx="56" formatCode="0.00E+00">
                  <c:v>1265</c:v>
                </c:pt>
                <c:pt idx="57" formatCode="0.00E+00">
                  <c:v>1275</c:v>
                </c:pt>
                <c:pt idx="58" formatCode="0.00E+00">
                  <c:v>1285</c:v>
                </c:pt>
                <c:pt idx="59" formatCode="0.00E+00">
                  <c:v>1295</c:v>
                </c:pt>
                <c:pt idx="60" formatCode="0.00E+00">
                  <c:v>1305</c:v>
                </c:pt>
                <c:pt idx="61" formatCode="0.00E+00">
                  <c:v>1315</c:v>
                </c:pt>
                <c:pt idx="62" formatCode="0.00E+00">
                  <c:v>1325</c:v>
                </c:pt>
                <c:pt idx="63" formatCode="0.00E+00">
                  <c:v>1335</c:v>
                </c:pt>
                <c:pt idx="64" formatCode="0.00E+00">
                  <c:v>1345</c:v>
                </c:pt>
                <c:pt idx="65" formatCode="0.00E+00">
                  <c:v>1355</c:v>
                </c:pt>
                <c:pt idx="66" formatCode="0.00E+00">
                  <c:v>1365</c:v>
                </c:pt>
                <c:pt idx="67" formatCode="0.00E+00">
                  <c:v>1375</c:v>
                </c:pt>
                <c:pt idx="68" formatCode="0.00E+00">
                  <c:v>1385</c:v>
                </c:pt>
                <c:pt idx="69" formatCode="0.00E+00">
                  <c:v>1395</c:v>
                </c:pt>
                <c:pt idx="70" formatCode="0.00E+00">
                  <c:v>1405</c:v>
                </c:pt>
                <c:pt idx="71" formatCode="0.00E+00">
                  <c:v>1415</c:v>
                </c:pt>
                <c:pt idx="72" formatCode="0.00E+00">
                  <c:v>1425</c:v>
                </c:pt>
                <c:pt idx="73" formatCode="0.00E+00">
                  <c:v>1435</c:v>
                </c:pt>
                <c:pt idx="74" formatCode="0.00E+00">
                  <c:v>1445</c:v>
                </c:pt>
                <c:pt idx="75" formatCode="0.00E+00">
                  <c:v>1455</c:v>
                </c:pt>
                <c:pt idx="76" formatCode="0.00E+00">
                  <c:v>1465</c:v>
                </c:pt>
                <c:pt idx="77" formatCode="0.00E+00">
                  <c:v>1475</c:v>
                </c:pt>
                <c:pt idx="78" formatCode="0.00E+00">
                  <c:v>1485</c:v>
                </c:pt>
                <c:pt idx="79" formatCode="0.00E+00">
                  <c:v>1495</c:v>
                </c:pt>
                <c:pt idx="80" formatCode="0.00E+00">
                  <c:v>1505</c:v>
                </c:pt>
                <c:pt idx="81" formatCode="0.00E+00">
                  <c:v>1515</c:v>
                </c:pt>
                <c:pt idx="82" formatCode="0.00E+00">
                  <c:v>1525</c:v>
                </c:pt>
                <c:pt idx="83" formatCode="0.00E+00">
                  <c:v>1535</c:v>
                </c:pt>
                <c:pt idx="84" formatCode="0.00E+00">
                  <c:v>1545</c:v>
                </c:pt>
                <c:pt idx="85" formatCode="0.00E+00">
                  <c:v>1555</c:v>
                </c:pt>
                <c:pt idx="86" formatCode="0.00E+00">
                  <c:v>1565</c:v>
                </c:pt>
                <c:pt idx="87" formatCode="0.00E+00">
                  <c:v>1575</c:v>
                </c:pt>
                <c:pt idx="88" formatCode="0.00E+00">
                  <c:v>1585</c:v>
                </c:pt>
                <c:pt idx="89" formatCode="0.00E+00">
                  <c:v>1595</c:v>
                </c:pt>
                <c:pt idx="90" formatCode="0.00E+00">
                  <c:v>1605</c:v>
                </c:pt>
                <c:pt idx="91" formatCode="0.00E+00">
                  <c:v>1615</c:v>
                </c:pt>
                <c:pt idx="92" formatCode="0.00E+00">
                  <c:v>1625</c:v>
                </c:pt>
                <c:pt idx="93" formatCode="0.00E+00">
                  <c:v>1635</c:v>
                </c:pt>
                <c:pt idx="94" formatCode="0.00E+00">
                  <c:v>1645</c:v>
                </c:pt>
                <c:pt idx="95" formatCode="0.00E+00">
                  <c:v>1655</c:v>
                </c:pt>
                <c:pt idx="96" formatCode="0.00E+00">
                  <c:v>1665</c:v>
                </c:pt>
                <c:pt idx="97" formatCode="0.00E+00">
                  <c:v>1675</c:v>
                </c:pt>
                <c:pt idx="98" formatCode="0.00E+00">
                  <c:v>1685</c:v>
                </c:pt>
                <c:pt idx="99" formatCode="0.00E+00">
                  <c:v>1695</c:v>
                </c:pt>
                <c:pt idx="100" formatCode="0.00E+00">
                  <c:v>1705</c:v>
                </c:pt>
                <c:pt idx="101" formatCode="0.00E+00">
                  <c:v>1715</c:v>
                </c:pt>
                <c:pt idx="102" formatCode="0.00E+00">
                  <c:v>1725</c:v>
                </c:pt>
                <c:pt idx="103" formatCode="0.00E+00">
                  <c:v>1735</c:v>
                </c:pt>
                <c:pt idx="104" formatCode="0.00E+00">
                  <c:v>1745</c:v>
                </c:pt>
                <c:pt idx="105" formatCode="0.00E+00">
                  <c:v>1755</c:v>
                </c:pt>
                <c:pt idx="106" formatCode="0.00E+00">
                  <c:v>1765</c:v>
                </c:pt>
                <c:pt idx="107" formatCode="0.00E+00">
                  <c:v>1775</c:v>
                </c:pt>
                <c:pt idx="108" formatCode="0.00E+00">
                  <c:v>1785</c:v>
                </c:pt>
                <c:pt idx="109" formatCode="0.00E+00">
                  <c:v>1795</c:v>
                </c:pt>
                <c:pt idx="110" formatCode="0.00E+00">
                  <c:v>1805</c:v>
                </c:pt>
                <c:pt idx="111" formatCode="0.00E+00">
                  <c:v>1815</c:v>
                </c:pt>
                <c:pt idx="112" formatCode="0.00E+00">
                  <c:v>1825</c:v>
                </c:pt>
                <c:pt idx="113" formatCode="0.00E+00">
                  <c:v>1835</c:v>
                </c:pt>
                <c:pt idx="114" formatCode="0.00E+00">
                  <c:v>1845</c:v>
                </c:pt>
                <c:pt idx="115" formatCode="0.00E+00">
                  <c:v>1855</c:v>
                </c:pt>
                <c:pt idx="116" formatCode="0.00E+00">
                  <c:v>1865</c:v>
                </c:pt>
                <c:pt idx="117" formatCode="0.00E+00">
                  <c:v>1875</c:v>
                </c:pt>
                <c:pt idx="118" formatCode="0.00E+00">
                  <c:v>1885</c:v>
                </c:pt>
                <c:pt idx="119" formatCode="0.00E+00">
                  <c:v>1895</c:v>
                </c:pt>
                <c:pt idx="120" formatCode="0.00E+00">
                  <c:v>1905</c:v>
                </c:pt>
                <c:pt idx="121" formatCode="0.00E+00">
                  <c:v>1915</c:v>
                </c:pt>
                <c:pt idx="122" formatCode="0.00E+00">
                  <c:v>1925</c:v>
                </c:pt>
                <c:pt idx="123" formatCode="0.00E+00">
                  <c:v>1935</c:v>
                </c:pt>
                <c:pt idx="124" formatCode="0.00E+00">
                  <c:v>1945</c:v>
                </c:pt>
                <c:pt idx="125" formatCode="0.00E+00">
                  <c:v>1955</c:v>
                </c:pt>
                <c:pt idx="126" formatCode="0.00E+00">
                  <c:v>1965</c:v>
                </c:pt>
                <c:pt idx="127" formatCode="0.00E+00">
                  <c:v>1975</c:v>
                </c:pt>
                <c:pt idx="128" formatCode="0.00E+00">
                  <c:v>1985</c:v>
                </c:pt>
                <c:pt idx="129" formatCode="0.00E+00">
                  <c:v>1995</c:v>
                </c:pt>
                <c:pt idx="130" formatCode="0.00E+00">
                  <c:v>2005</c:v>
                </c:pt>
                <c:pt idx="131" formatCode="0.00E+00">
                  <c:v>2015.0000000000002</c:v>
                </c:pt>
                <c:pt idx="132" formatCode="0.00E+00">
                  <c:v>2025</c:v>
                </c:pt>
                <c:pt idx="133" formatCode="0.00E+00">
                  <c:v>2035.0000000000002</c:v>
                </c:pt>
                <c:pt idx="134" formatCode="0.00E+00">
                  <c:v>2045</c:v>
                </c:pt>
                <c:pt idx="135" formatCode="0.00E+00">
                  <c:v>2055</c:v>
                </c:pt>
                <c:pt idx="136" formatCode="0.00E+00">
                  <c:v>2065</c:v>
                </c:pt>
                <c:pt idx="137" formatCode="0.00E+00">
                  <c:v>2075</c:v>
                </c:pt>
                <c:pt idx="138" formatCode="0.00E+00">
                  <c:v>2085</c:v>
                </c:pt>
                <c:pt idx="139" formatCode="0.00E+00">
                  <c:v>2095</c:v>
                </c:pt>
                <c:pt idx="140" formatCode="0.00E+00">
                  <c:v>2105</c:v>
                </c:pt>
                <c:pt idx="141" formatCode="0.00E+00">
                  <c:v>2115</c:v>
                </c:pt>
                <c:pt idx="142" formatCode="0.00E+00">
                  <c:v>2125</c:v>
                </c:pt>
                <c:pt idx="143" formatCode="0.00E+00">
                  <c:v>2135</c:v>
                </c:pt>
                <c:pt idx="144" formatCode="0.00E+00">
                  <c:v>2145</c:v>
                </c:pt>
                <c:pt idx="145" formatCode="0.00E+00">
                  <c:v>2155</c:v>
                </c:pt>
                <c:pt idx="146" formatCode="0.00E+00">
                  <c:v>2165</c:v>
                </c:pt>
                <c:pt idx="147" formatCode="0.00E+00">
                  <c:v>2175</c:v>
                </c:pt>
                <c:pt idx="148" formatCode="0.00E+00">
                  <c:v>2185</c:v>
                </c:pt>
                <c:pt idx="149" formatCode="0.00E+00">
                  <c:v>2195</c:v>
                </c:pt>
                <c:pt idx="150" formatCode="0.00E+00">
                  <c:v>2205</c:v>
                </c:pt>
                <c:pt idx="151" formatCode="0.00E+00">
                  <c:v>2215</c:v>
                </c:pt>
                <c:pt idx="152" formatCode="0.00E+00">
                  <c:v>2225</c:v>
                </c:pt>
                <c:pt idx="153" formatCode="0.00E+00">
                  <c:v>2235</c:v>
                </c:pt>
                <c:pt idx="154" formatCode="0.00E+00">
                  <c:v>2245</c:v>
                </c:pt>
                <c:pt idx="155" formatCode="0.00E+00">
                  <c:v>2255</c:v>
                </c:pt>
                <c:pt idx="156" formatCode="0.00E+00">
                  <c:v>2265</c:v>
                </c:pt>
                <c:pt idx="157" formatCode="0.00E+00">
                  <c:v>2275</c:v>
                </c:pt>
                <c:pt idx="158" formatCode="0.00E+00">
                  <c:v>2285</c:v>
                </c:pt>
                <c:pt idx="159" formatCode="0.00E+00">
                  <c:v>2295</c:v>
                </c:pt>
                <c:pt idx="160" formatCode="0.00E+00">
                  <c:v>2305</c:v>
                </c:pt>
                <c:pt idx="161" formatCode="0.00E+00">
                  <c:v>2315</c:v>
                </c:pt>
                <c:pt idx="162" formatCode="0.00E+00">
                  <c:v>2325</c:v>
                </c:pt>
                <c:pt idx="163" formatCode="0.00E+00">
                  <c:v>2335</c:v>
                </c:pt>
                <c:pt idx="164" formatCode="0.00E+00">
                  <c:v>2345</c:v>
                </c:pt>
                <c:pt idx="165" formatCode="0.00E+00">
                  <c:v>2355</c:v>
                </c:pt>
                <c:pt idx="166" formatCode="0.00E+00">
                  <c:v>2365</c:v>
                </c:pt>
                <c:pt idx="167" formatCode="0.00E+00">
                  <c:v>2375</c:v>
                </c:pt>
                <c:pt idx="168" formatCode="0.00E+00">
                  <c:v>2385</c:v>
                </c:pt>
                <c:pt idx="169" formatCode="0.00E+00">
                  <c:v>2395</c:v>
                </c:pt>
                <c:pt idx="170" formatCode="0.00E+00">
                  <c:v>2405</c:v>
                </c:pt>
                <c:pt idx="171" formatCode="0.00E+00">
                  <c:v>2415</c:v>
                </c:pt>
                <c:pt idx="172" formatCode="0.00E+00">
                  <c:v>2425</c:v>
                </c:pt>
                <c:pt idx="173" formatCode="0.00E+00">
                  <c:v>2435</c:v>
                </c:pt>
                <c:pt idx="174" formatCode="0.00E+00">
                  <c:v>2445</c:v>
                </c:pt>
                <c:pt idx="175" formatCode="0.00E+00">
                  <c:v>2455</c:v>
                </c:pt>
                <c:pt idx="176" formatCode="0.00E+00">
                  <c:v>2465</c:v>
                </c:pt>
                <c:pt idx="177" formatCode="0.00E+00">
                  <c:v>2475</c:v>
                </c:pt>
                <c:pt idx="178" formatCode="0.00E+00">
                  <c:v>2485</c:v>
                </c:pt>
                <c:pt idx="179" formatCode="0.00E+00">
                  <c:v>2495</c:v>
                </c:pt>
                <c:pt idx="180" formatCode="0.00E+00">
                  <c:v>2505</c:v>
                </c:pt>
                <c:pt idx="181" formatCode="0.00E+00">
                  <c:v>2515</c:v>
                </c:pt>
                <c:pt idx="182" formatCode="0.00E+00">
                  <c:v>2525</c:v>
                </c:pt>
                <c:pt idx="183" formatCode="0.00E+00">
                  <c:v>2535</c:v>
                </c:pt>
                <c:pt idx="184" formatCode="0.00E+00">
                  <c:v>2545</c:v>
                </c:pt>
                <c:pt idx="185" formatCode="0.00E+00">
                  <c:v>2555</c:v>
                </c:pt>
                <c:pt idx="186" formatCode="0.00E+00">
                  <c:v>2565</c:v>
                </c:pt>
                <c:pt idx="187" formatCode="0.00E+00">
                  <c:v>2575</c:v>
                </c:pt>
                <c:pt idx="188" formatCode="0.00E+00">
                  <c:v>2585</c:v>
                </c:pt>
                <c:pt idx="189" formatCode="0.00E+00">
                  <c:v>2595</c:v>
                </c:pt>
                <c:pt idx="190" formatCode="0.00E+00">
                  <c:v>2605</c:v>
                </c:pt>
                <c:pt idx="191" formatCode="0.00E+00">
                  <c:v>2615</c:v>
                </c:pt>
                <c:pt idx="192" formatCode="0.00E+00">
                  <c:v>2625</c:v>
                </c:pt>
                <c:pt idx="193" formatCode="0.00E+00">
                  <c:v>2635</c:v>
                </c:pt>
                <c:pt idx="194" formatCode="0.00E+00">
                  <c:v>2645</c:v>
                </c:pt>
                <c:pt idx="195" formatCode="0.00E+00">
                  <c:v>2655</c:v>
                </c:pt>
                <c:pt idx="196" formatCode="0.00E+00">
                  <c:v>2665</c:v>
                </c:pt>
                <c:pt idx="197" formatCode="0.00E+00">
                  <c:v>2675</c:v>
                </c:pt>
                <c:pt idx="198" formatCode="0.00E+00">
                  <c:v>2685</c:v>
                </c:pt>
                <c:pt idx="199" formatCode="0.00E+00">
                  <c:v>2695</c:v>
                </c:pt>
              </c:numCache>
            </c:numRef>
          </c:xVal>
          <c:yVal>
            <c:numRef>
              <c:f>Sheet2!$Q$8:$Q$1052</c:f>
              <c:numCache>
                <c:formatCode>General</c:formatCode>
                <c:ptCount val="1045"/>
                <c:pt idx="3" formatCode="0.00E+00">
                  <c:v>75.478461717744594</c:v>
                </c:pt>
                <c:pt idx="4" formatCode="0.00E+00">
                  <c:v>75.625056680709406</c:v>
                </c:pt>
                <c:pt idx="5" formatCode="0.00E+00">
                  <c:v>75.643616281282547</c:v>
                </c:pt>
                <c:pt idx="6" formatCode="0.00E+00">
                  <c:v>75.719407122099412</c:v>
                </c:pt>
                <c:pt idx="7" formatCode="0.00E+00">
                  <c:v>75.848956250928495</c:v>
                </c:pt>
                <c:pt idx="8" formatCode="0.00E+00">
                  <c:v>76.028559385401493</c:v>
                </c:pt>
                <c:pt idx="9" formatCode="0.00E+00">
                  <c:v>76.255766796950738</c:v>
                </c:pt>
                <c:pt idx="10" formatCode="0.00E+00">
                  <c:v>76.528104882329103</c:v>
                </c:pt>
                <c:pt idx="11" formatCode="0.00E+00">
                  <c:v>76.843474699586523</c:v>
                </c:pt>
                <c:pt idx="12" formatCode="0.00E+00">
                  <c:v>77.199057720722578</c:v>
                </c:pt>
                <c:pt idx="13" formatCode="0.00E+00">
                  <c:v>77.590607421860824</c:v>
                </c:pt>
                <c:pt idx="14" formatCode="0.00E+00">
                  <c:v>78.014740942676298</c:v>
                </c:pt>
                <c:pt idx="15" formatCode="0.00E+00">
                  <c:v>78.466938258584818</c:v>
                </c:pt>
                <c:pt idx="16" formatCode="0.00E+00">
                  <c:v>78.942537473468519</c:v>
                </c:pt>
                <c:pt idx="17" formatCode="0.00E+00">
                  <c:v>79.43875310288206</c:v>
                </c:pt>
                <c:pt idx="18" formatCode="0.00E+00">
                  <c:v>79.952571873942304</c:v>
                </c:pt>
                <c:pt idx="19" formatCode="0.00E+00">
                  <c:v>80.480851855666529</c:v>
                </c:pt>
                <c:pt idx="20" formatCode="0.00E+00">
                  <c:v>81.021845882181708</c:v>
                </c:pt>
                <c:pt idx="21" formatCode="0.00E+00">
                  <c:v>81.573790954963343</c:v>
                </c:pt>
                <c:pt idx="22" formatCode="0.00E+00">
                  <c:v>82.134806113872799</c:v>
                </c:pt>
                <c:pt idx="23" formatCode="0.00E+00">
                  <c:v>82.703198204132974</c:v>
                </c:pt>
                <c:pt idx="24" formatCode="0.00E+00">
                  <c:v>83.277361529235293</c:v>
                </c:pt>
                <c:pt idx="25" formatCode="0.00E+00">
                  <c:v>83.855676171622235</c:v>
                </c:pt>
                <c:pt idx="26" formatCode="0.00E+00">
                  <c:v>84.434860307924325</c:v>
                </c:pt>
                <c:pt idx="27" formatCode="0.00E+00">
                  <c:v>85.015112352009254</c:v>
                </c:pt>
                <c:pt idx="28" formatCode="0.00E+00">
                  <c:v>85.594977674051648</c:v>
                </c:pt>
                <c:pt idx="29" formatCode="0.00E+00">
                  <c:v>86.173300014214647</c:v>
                </c:pt>
                <c:pt idx="30" formatCode="0.00E+00">
                  <c:v>86.748497695812503</c:v>
                </c:pt>
                <c:pt idx="31" formatCode="0.00E+00">
                  <c:v>87.320120589060792</c:v>
                </c:pt>
                <c:pt idx="32" formatCode="0.00E+00">
                  <c:v>87.886462996830574</c:v>
                </c:pt>
                <c:pt idx="33" formatCode="0.00E+00">
                  <c:v>88.446432017446057</c:v>
                </c:pt>
                <c:pt idx="34" formatCode="0.00E+00">
                  <c:v>88.998925621660533</c:v>
                </c:pt>
                <c:pt idx="35" formatCode="0.00E+00">
                  <c:v>89.543252629196317</c:v>
                </c:pt>
                <c:pt idx="36" formatCode="0.00E+00">
                  <c:v>90.078716298366103</c:v>
                </c:pt>
                <c:pt idx="37" formatCode="0.00E+00">
                  <c:v>90.604508859283655</c:v>
                </c:pt>
                <c:pt idx="38" formatCode="0.00E+00">
                  <c:v>91.119816046001205</c:v>
                </c:pt>
                <c:pt idx="39" formatCode="0.00E+00">
                  <c:v>91.624134795435779</c:v>
                </c:pt>
                <c:pt idx="40" formatCode="0.00E+00">
                  <c:v>92.11674597276172</c:v>
                </c:pt>
                <c:pt idx="41" formatCode="0.00E+00">
                  <c:v>92.597031168382031</c:v>
                </c:pt>
                <c:pt idx="42" formatCode="0.00E+00">
                  <c:v>93.064686993553778</c:v>
                </c:pt>
                <c:pt idx="43" formatCode="0.00E+00">
                  <c:v>93.518553525403604</c:v>
                </c:pt>
                <c:pt idx="44" formatCode="0.00E+00">
                  <c:v>93.958531946279237</c:v>
                </c:pt>
                <c:pt idx="45" formatCode="0.00E+00">
                  <c:v>94.384630492216104</c:v>
                </c:pt>
                <c:pt idx="46" formatCode="0.00E+00">
                  <c:v>94.796643098961766</c:v>
                </c:pt>
                <c:pt idx="47" formatCode="0.00E+00">
                  <c:v>95.194039391503964</c:v>
                </c:pt>
                <c:pt idx="48" formatCode="0.00E+00">
                  <c:v>95.576932852870343</c:v>
                </c:pt>
                <c:pt idx="49" formatCode="0.00E+00">
                  <c:v>95.945114021218885</c:v>
                </c:pt>
                <c:pt idx="50" formatCode="0.00E+00">
                  <c:v>96.298372298060286</c:v>
                </c:pt>
                <c:pt idx="51" formatCode="0.00E+00">
                  <c:v>96.636930521257227</c:v>
                </c:pt>
                <c:pt idx="52" formatCode="0.00E+00">
                  <c:v>96.960578569213368</c:v>
                </c:pt>
                <c:pt idx="53" formatCode="0.00E+00">
                  <c:v>97.269541596924356</c:v>
                </c:pt>
                <c:pt idx="54" formatCode="0.00E+00">
                  <c:v>97.563937969273184</c:v>
                </c:pt>
                <c:pt idx="55" formatCode="0.00E+00">
                  <c:v>97.843887680183826</c:v>
                </c:pt>
                <c:pt idx="56" formatCode="0.00E+00">
                  <c:v>98.109402562248988</c:v>
                </c:pt>
                <c:pt idx="57" formatCode="0.00E+00">
                  <c:v>98.360825241440708</c:v>
                </c:pt>
                <c:pt idx="58" formatCode="0.00E+00">
                  <c:v>98.554644805488309</c:v>
                </c:pt>
                <c:pt idx="59" formatCode="0.00E+00">
                  <c:v>98.669019537213245</c:v>
                </c:pt>
                <c:pt idx="60" formatCode="0.00E+00">
                  <c:v>98.769109363908925</c:v>
                </c:pt>
                <c:pt idx="61" formatCode="0.00E+00">
                  <c:v>98.855308273247601</c:v>
                </c:pt>
                <c:pt idx="62" formatCode="0.00E+00">
                  <c:v>98.927790794962249</c:v>
                </c:pt>
                <c:pt idx="63" formatCode="0.00E+00">
                  <c:v>98.986843246460225</c:v>
                </c:pt>
                <c:pt idx="64" formatCode="0.00E+00">
                  <c:v>99.032753398352511</c:v>
                </c:pt>
                <c:pt idx="65" formatCode="0.00E+00">
                  <c:v>99.065699413380585</c:v>
                </c:pt>
                <c:pt idx="66" formatCode="0.00E+00">
                  <c:v>99.086082787434449</c:v>
                </c:pt>
                <c:pt idx="67" formatCode="0.00E+00">
                  <c:v>99.094084347461944</c:v>
                </c:pt>
                <c:pt idx="68" formatCode="0.00E+00">
                  <c:v>99.09010873796052</c:v>
                </c:pt>
                <c:pt idx="69" formatCode="0.00E+00">
                  <c:v>99.074450995558252</c:v>
                </c:pt>
                <c:pt idx="70" formatCode="0.00E+00">
                  <c:v>99.047407610086609</c:v>
                </c:pt>
                <c:pt idx="71" formatCode="0.00E+00">
                  <c:v>99.009276524580585</c:v>
                </c:pt>
                <c:pt idx="72" formatCode="0.00E+00">
                  <c:v>98.960580952828181</c:v>
                </c:pt>
                <c:pt idx="73" formatCode="0.00E+00">
                  <c:v>99.001510440997762</c:v>
                </c:pt>
                <c:pt idx="74" formatCode="0.00E+00">
                  <c:v>99.012367655035632</c:v>
                </c:pt>
                <c:pt idx="75" formatCode="0.00E+00">
                  <c:v>99.013568986166874</c:v>
                </c:pt>
                <c:pt idx="76" formatCode="0.00E+00">
                  <c:v>99.005532763221268</c:v>
                </c:pt>
                <c:pt idx="77" formatCode="0.00E+00">
                  <c:v>98.988341709804686</c:v>
                </c:pt>
                <c:pt idx="78" formatCode="0.00E+00">
                  <c:v>98.962529575429897</c:v>
                </c:pt>
                <c:pt idx="79" formatCode="0.00E+00">
                  <c:v>98.928407018661957</c:v>
                </c:pt>
                <c:pt idx="80" formatCode="0.00E+00">
                  <c:v>98.886173273692322</c:v>
                </c:pt>
                <c:pt idx="81" formatCode="0.00E+00">
                  <c:v>98.836141542192038</c:v>
                </c:pt>
                <c:pt idx="82" formatCode="0.00E+00">
                  <c:v>98.778626479035623</c:v>
                </c:pt>
                <c:pt idx="83" formatCode="0.00E+00">
                  <c:v>98.713944192300914</c:v>
                </c:pt>
                <c:pt idx="84" formatCode="0.00E+00">
                  <c:v>98.64218551931296</c:v>
                </c:pt>
                <c:pt idx="85" formatCode="0.00E+00">
                  <c:v>98.563782231033315</c:v>
                </c:pt>
                <c:pt idx="86" formatCode="0.00E+00">
                  <c:v>98.478940827670584</c:v>
                </c:pt>
                <c:pt idx="87" formatCode="0.00E+00">
                  <c:v>98.387755052956521</c:v>
                </c:pt>
                <c:pt idx="88" formatCode="0.00E+00">
                  <c:v>98.290660674162254</c:v>
                </c:pt>
                <c:pt idx="89" formatCode="0.00E+00">
                  <c:v>98.18763952624478</c:v>
                </c:pt>
                <c:pt idx="90" formatCode="0.00E+00">
                  <c:v>98.078901621320981</c:v>
                </c:pt>
                <c:pt idx="91" formatCode="0.00E+00">
                  <c:v>97.964772149990353</c:v>
                </c:pt>
                <c:pt idx="92" formatCode="0.00E+00">
                  <c:v>97.845463425275142</c:v>
                </c:pt>
                <c:pt idx="93" formatCode="0.00E+00">
                  <c:v>97.721074277119257</c:v>
                </c:pt>
                <c:pt idx="94" formatCode="0.00E+00">
                  <c:v>97.591818592848796</c:v>
                </c:pt>
                <c:pt idx="95" formatCode="0.00E+00">
                  <c:v>97.457911228592067</c:v>
                </c:pt>
                <c:pt idx="96" formatCode="0.00E+00">
                  <c:v>97.31956800927972</c:v>
                </c:pt>
                <c:pt idx="97" formatCode="0.00E+00">
                  <c:v>97.176775856080866</c:v>
                </c:pt>
                <c:pt idx="98" formatCode="0.00E+00">
                  <c:v>97.029981919693455</c:v>
                </c:pt>
                <c:pt idx="99" formatCode="0.00E+00">
                  <c:v>96.879289752972568</c:v>
                </c:pt>
                <c:pt idx="100" formatCode="0.00E+00">
                  <c:v>96.731260169811549</c:v>
                </c:pt>
                <c:pt idx="101" formatCode="0.00E+00">
                  <c:v>96.58532551261726</c:v>
                </c:pt>
                <c:pt idx="102" formatCode="0.00E+00">
                  <c:v>96.436987281155936</c:v>
                </c:pt>
                <c:pt idx="103" formatCode="0.00E+00">
                  <c:v>96.286354598895741</c:v>
                </c:pt>
                <c:pt idx="104" formatCode="0.00E+00">
                  <c:v>96.133652857690009</c:v>
                </c:pt>
                <c:pt idx="105" formatCode="0.00E+00">
                  <c:v>95.978992513110072</c:v>
                </c:pt>
                <c:pt idx="106" formatCode="0.00E+00">
                  <c:v>95.822484505128429</c:v>
                </c:pt>
                <c:pt idx="107" formatCode="0.00E+00">
                  <c:v>95.664356405403481</c:v>
                </c:pt>
                <c:pt idx="108" formatCode="0.00E+00">
                  <c:v>95.504720486010925</c:v>
                </c:pt>
                <c:pt idx="109" formatCode="0.00E+00">
                  <c:v>95.343689503427541</c:v>
                </c:pt>
                <c:pt idx="110" formatCode="0.00E+00">
                  <c:v>95.181260187945583</c:v>
                </c:pt>
                <c:pt idx="111" formatCode="0.00E+00">
                  <c:v>95.017662533229242</c:v>
                </c:pt>
                <c:pt idx="112" formatCode="0.00E+00">
                  <c:v>94.853010748958752</c:v>
                </c:pt>
                <c:pt idx="113" formatCode="0.00E+00">
                  <c:v>94.687302655328978</c:v>
                </c:pt>
                <c:pt idx="114" formatCode="0.00E+00">
                  <c:v>94.520770062508348</c:v>
                </c:pt>
                <c:pt idx="115" formatCode="0.00E+00">
                  <c:v>94.353411517293424</c:v>
                </c:pt>
                <c:pt idx="116" formatCode="0.00E+00">
                  <c:v>94.185342803668235</c:v>
                </c:pt>
                <c:pt idx="117" formatCode="0.00E+00">
                  <c:v>94.016680190017809</c:v>
                </c:pt>
                <c:pt idx="118" formatCode="0.00E+00">
                  <c:v>93.84742294974042</c:v>
                </c:pt>
                <c:pt idx="119" formatCode="0.00E+00">
                  <c:v>93.677805557210903</c:v>
                </c:pt>
                <c:pt idx="120" formatCode="0.00E+00">
                  <c:v>93.507710290840706</c:v>
                </c:pt>
                <c:pt idx="121" formatCode="0.00E+00">
                  <c:v>93.337372472706605</c:v>
                </c:pt>
                <c:pt idx="122" formatCode="0.00E+00">
                  <c:v>93.16679246610947</c:v>
                </c:pt>
                <c:pt idx="123" formatCode="0.00E+00">
                  <c:v>92.996088719239552</c:v>
                </c:pt>
                <c:pt idx="124" formatCode="0.00E+00">
                  <c:v>92.82526195869859</c:v>
                </c:pt>
                <c:pt idx="125" formatCode="0.00E+00">
                  <c:v>92.654312911088255</c:v>
                </c:pt>
                <c:pt idx="126" formatCode="0.00E+00">
                  <c:v>92.483005406629815</c:v>
                </c:pt>
                <c:pt idx="127" formatCode="0.00E+00">
                  <c:v>92.311695153194847</c:v>
                </c:pt>
                <c:pt idx="128" formatCode="0.00E+00">
                  <c:v>92.140264550295129</c:v>
                </c:pt>
                <c:pt idx="129" formatCode="0.00E+00">
                  <c:v>91.968951947514611</c:v>
                </c:pt>
                <c:pt idx="130" formatCode="0.00E+00">
                  <c:v>91.799185989153557</c:v>
                </c:pt>
                <c:pt idx="131" formatCode="0.00E+00">
                  <c:v>91.634305991393106</c:v>
                </c:pt>
                <c:pt idx="132" formatCode="0.00E+00">
                  <c:v>91.469680122583952</c:v>
                </c:pt>
                <c:pt idx="133" formatCode="0.00E+00">
                  <c:v>91.305429495122638</c:v>
                </c:pt>
                <c:pt idx="134" formatCode="0.00E+00">
                  <c:v>91.141556288814328</c:v>
                </c:pt>
                <c:pt idx="135" formatCode="0.00E+00">
                  <c:v>90.978182221556978</c:v>
                </c:pt>
                <c:pt idx="136" formatCode="0.00E+00">
                  <c:v>90.815190177263588</c:v>
                </c:pt>
                <c:pt idx="137" formatCode="0.00E+00">
                  <c:v>90.652702116032643</c:v>
                </c:pt>
                <c:pt idx="138" formatCode="0.00E+00">
                  <c:v>90.490840482363879</c:v>
                </c:pt>
                <c:pt idx="139" formatCode="0.00E+00">
                  <c:v>90.329368137676198</c:v>
                </c:pt>
                <c:pt idx="140" formatCode="0.00E+00">
                  <c:v>90.168527548963297</c:v>
                </c:pt>
                <c:pt idx="141" formatCode="0.00E+00">
                  <c:v>90.008201357937509</c:v>
                </c:pt>
                <c:pt idx="142" formatCode="0.00E+00">
                  <c:v>89.848632879294513</c:v>
                </c:pt>
                <c:pt idx="143" formatCode="0.00E+00">
                  <c:v>89.689463862056698</c:v>
                </c:pt>
                <c:pt idx="144" formatCode="0.00E+00">
                  <c:v>89.53105837001543</c:v>
                </c:pt>
                <c:pt idx="145" formatCode="0.00E+00">
                  <c:v>89.37329892378277</c:v>
                </c:pt>
                <c:pt idx="146" formatCode="0.00E+00">
                  <c:v>89.216188429765566</c:v>
                </c:pt>
                <c:pt idx="147" formatCode="0.00E+00">
                  <c:v>89.059729794370739</c:v>
                </c:pt>
                <c:pt idx="148" formatCode="0.00E+00">
                  <c:v>88.904047036401678</c:v>
                </c:pt>
                <c:pt idx="149" formatCode="0.00E+00">
                  <c:v>88.749022192069305</c:v>
                </c:pt>
                <c:pt idx="150" formatCode="0.00E+00">
                  <c:v>88.594658167780452</c:v>
                </c:pt>
                <c:pt idx="151" formatCode="0.00E+00">
                  <c:v>88.441079345639437</c:v>
                </c:pt>
                <c:pt idx="152" formatCode="0.00E+00">
                  <c:v>88.288288995354037</c:v>
                </c:pt>
                <c:pt idx="153" formatCode="0.00E+00">
                  <c:v>88.136168668734001</c:v>
                </c:pt>
                <c:pt idx="154" formatCode="0.00E+00">
                  <c:v>87.984843111184389</c:v>
                </c:pt>
                <c:pt idx="155" formatCode="0.00E+00">
                  <c:v>87.834315592413034</c:v>
                </c:pt>
                <c:pt idx="156" formatCode="0.00E+00">
                  <c:v>87.684467300928787</c:v>
                </c:pt>
                <c:pt idx="157" formatCode="0.00E+00">
                  <c:v>87.535545547736803</c:v>
                </c:pt>
                <c:pt idx="158" formatCode="0.00E+00">
                  <c:v>87.387309319046807</c:v>
                </c:pt>
                <c:pt idx="159" formatCode="0.00E+00">
                  <c:v>87.239883965765415</c:v>
                </c:pt>
                <c:pt idx="160" formatCode="0.00E+00">
                  <c:v>87.09327275760036</c:v>
                </c:pt>
                <c:pt idx="161" formatCode="0.00E+00">
                  <c:v>86.947478964259389</c:v>
                </c:pt>
                <c:pt idx="162" formatCode="0.00E+00">
                  <c:v>86.802383047649641</c:v>
                </c:pt>
                <c:pt idx="163" formatCode="0.00E+00">
                  <c:v>86.658233771979695</c:v>
                </c:pt>
                <c:pt idx="164" formatCode="0.00E+00">
                  <c:v>86.514788670255896</c:v>
                </c:pt>
                <c:pt idx="165" formatCode="0.00E+00">
                  <c:v>86.372173819986543</c:v>
                </c:pt>
                <c:pt idx="166" formatCode="0.00E+00">
                  <c:v>86.230392490879368</c:v>
                </c:pt>
                <c:pt idx="167" formatCode="0.00E+00">
                  <c:v>86.089447952642104</c:v>
                </c:pt>
                <c:pt idx="168" formatCode="0.00E+00">
                  <c:v>85.949343474982498</c:v>
                </c:pt>
                <c:pt idx="169" formatCode="0.00E+00">
                  <c:v>85.809958672105694</c:v>
                </c:pt>
                <c:pt idx="170" formatCode="0.00E+00">
                  <c:v>85.591420227021416</c:v>
                </c:pt>
                <c:pt idx="171" formatCode="0.00E+00">
                  <c:v>85.373731409437454</c:v>
                </c:pt>
                <c:pt idx="172" formatCode="0.00E+00">
                  <c:v>85.156895489061526</c:v>
                </c:pt>
                <c:pt idx="173" formatCode="0.00E+00">
                  <c:v>85.020365273985291</c:v>
                </c:pt>
                <c:pt idx="174" formatCode="0.00E+00">
                  <c:v>84.937039125584121</c:v>
                </c:pt>
                <c:pt idx="175" formatCode="0.00E+00">
                  <c:v>84.853712977182965</c:v>
                </c:pt>
                <c:pt idx="176" formatCode="0.00E+00">
                  <c:v>84.77038682878181</c:v>
                </c:pt>
                <c:pt idx="177" formatCode="0.00E+00">
                  <c:v>84.687060680380668</c:v>
                </c:pt>
                <c:pt idx="178" formatCode="0.00E+00">
                  <c:v>84.603734531979484</c:v>
                </c:pt>
                <c:pt idx="179" formatCode="0.00E+00">
                  <c:v>84.520408383578342</c:v>
                </c:pt>
                <c:pt idx="180" formatCode="0.00E+00">
                  <c:v>84.137082235177189</c:v>
                </c:pt>
                <c:pt idx="181" formatCode="0.00E+00">
                  <c:v>83.75375608677605</c:v>
                </c:pt>
                <c:pt idx="182" formatCode="0.00E+00">
                  <c:v>83.370429938374883</c:v>
                </c:pt>
                <c:pt idx="183" formatCode="0.00E+00">
                  <c:v>82.987103789973744</c:v>
                </c:pt>
                <c:pt idx="184" formatCode="0.00E+00">
                  <c:v>80.528491434047709</c:v>
                </c:pt>
                <c:pt idx="185" formatCode="0.00E+00">
                  <c:v>65.420900338790602</c:v>
                </c:pt>
                <c:pt idx="186" formatCode="0.00E+00">
                  <c:v>56.197152168939496</c:v>
                </c:pt>
                <c:pt idx="187" formatCode="0.00E+00">
                  <c:v>42.450451389380945</c:v>
                </c:pt>
                <c:pt idx="188" formatCode="0.00E+00">
                  <c:v>26.870409387089758</c:v>
                </c:pt>
                <c:pt idx="189" formatCode="0.00E+00">
                  <c:v>16.420361112421293</c:v>
                </c:pt>
                <c:pt idx="190" formatCode="0.00E+00">
                  <c:v>10.165739089162882</c:v>
                </c:pt>
                <c:pt idx="191" formatCode="0.00E+00">
                  <c:v>6.6439407293567347</c:v>
                </c:pt>
                <c:pt idx="192" formatCode="0.00E+00">
                  <c:v>4.5231564968510947</c:v>
                </c:pt>
                <c:pt idx="193" formatCode="0.00E+00">
                  <c:v>1.3543136024254623</c:v>
                </c:pt>
                <c:pt idx="194" formatCode="0.00E+00">
                  <c:v>1.0941784621133894</c:v>
                </c:pt>
                <c:pt idx="195" formatCode="0.00E+00">
                  <c:v>0.9076848330424746</c:v>
                </c:pt>
                <c:pt idx="196" formatCode="0.00E+00">
                  <c:v>0.83325708466855852</c:v>
                </c:pt>
                <c:pt idx="197" formatCode="0.00E+00">
                  <c:v>0.65409715823478853</c:v>
                </c:pt>
                <c:pt idx="198" formatCode="0.00E+00">
                  <c:v>0.41802650736594799</c:v>
                </c:pt>
                <c:pt idx="199" formatCode="0.00E+00">
                  <c:v>1.0774461005127363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0-8183-4750-8FFA-D16D9B167909}"/>
            </c:ext>
          </c:extLst>
        </c:ser>
        <c:ser>
          <c:idx val="4"/>
          <c:order val="3"/>
          <c:tx>
            <c:strRef>
              <c:f>Sheet2!$Z$130</c:f>
              <c:strCache>
                <c:ptCount val="1"/>
                <c:pt idx="0">
                  <c:v>SCA 18575</c:v>
                </c:pt>
              </c:strCache>
            </c:strRef>
          </c:tx>
          <c:spPr>
            <a:ln>
              <a:noFill/>
            </a:ln>
          </c:spPr>
          <c:marker>
            <c:symbol val="diamond"/>
            <c:size val="10"/>
            <c:spPr>
              <a:solidFill>
                <a:srgbClr val="00B050"/>
              </a:solidFill>
              <a:ln>
                <a:solidFill>
                  <a:schemeClr val="tx1"/>
                </a:solidFill>
              </a:ln>
            </c:spPr>
          </c:marker>
          <c:xVal>
            <c:numRef>
              <c:f>Sheet2!$T$131:$T$135</c:f>
              <c:numCache>
                <c:formatCode>General</c:formatCode>
                <c:ptCount val="5"/>
                <c:pt idx="0">
                  <c:v>800</c:v>
                </c:pt>
                <c:pt idx="1">
                  <c:v>1000</c:v>
                </c:pt>
                <c:pt idx="2">
                  <c:v>1230</c:v>
                </c:pt>
                <c:pt idx="3">
                  <c:v>1500</c:v>
                </c:pt>
                <c:pt idx="4">
                  <c:v>2000</c:v>
                </c:pt>
              </c:numCache>
            </c:numRef>
          </c:xVal>
          <c:yVal>
            <c:numRef>
              <c:f>Sheet2!$Z$131:$Z$135</c:f>
              <c:numCache>
                <c:formatCode>General</c:formatCode>
                <c:ptCount val="5"/>
                <c:pt idx="0">
                  <c:v>76</c:v>
                </c:pt>
                <c:pt idx="1">
                  <c:v>84.6</c:v>
                </c:pt>
                <c:pt idx="2">
                  <c:v>88.1</c:v>
                </c:pt>
                <c:pt idx="3">
                  <c:v>93.1</c:v>
                </c:pt>
                <c:pt idx="4">
                  <c:v>85.2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1-8183-4750-8FFA-D16D9B167909}"/>
            </c:ext>
          </c:extLst>
        </c:ser>
        <c:ser>
          <c:idx val="5"/>
          <c:order val="4"/>
          <c:tx>
            <c:strRef>
              <c:f>Sheet2!$AC$130</c:f>
              <c:strCache>
                <c:ptCount val="1"/>
                <c:pt idx="0">
                  <c:v>SCA 18860</c:v>
                </c:pt>
              </c:strCache>
            </c:strRef>
          </c:tx>
          <c:spPr>
            <a:ln>
              <a:noFill/>
            </a:ln>
          </c:spPr>
          <c:marker>
            <c:symbol val="circle"/>
            <c:size val="8"/>
            <c:spPr>
              <a:solidFill>
                <a:srgbClr val="FFC000"/>
              </a:solidFill>
              <a:ln>
                <a:solidFill>
                  <a:schemeClr val="tx1"/>
                </a:solidFill>
              </a:ln>
            </c:spPr>
          </c:marker>
          <c:xVal>
            <c:numRef>
              <c:f>Sheet2!$T$131:$T$135</c:f>
              <c:numCache>
                <c:formatCode>General</c:formatCode>
                <c:ptCount val="5"/>
                <c:pt idx="0">
                  <c:v>800</c:v>
                </c:pt>
                <c:pt idx="1">
                  <c:v>1000</c:v>
                </c:pt>
                <c:pt idx="2">
                  <c:v>1230</c:v>
                </c:pt>
                <c:pt idx="3">
                  <c:v>1500</c:v>
                </c:pt>
                <c:pt idx="4">
                  <c:v>2000</c:v>
                </c:pt>
              </c:numCache>
            </c:numRef>
          </c:xVal>
          <c:yVal>
            <c:numRef>
              <c:f>Sheet2!$AC$131:$AC$135</c:f>
              <c:numCache>
                <c:formatCode>General</c:formatCode>
                <c:ptCount val="5"/>
                <c:pt idx="0">
                  <c:v>93</c:v>
                </c:pt>
                <c:pt idx="1">
                  <c:v>96</c:v>
                </c:pt>
                <c:pt idx="2">
                  <c:v>98</c:v>
                </c:pt>
                <c:pt idx="3">
                  <c:v>99</c:v>
                </c:pt>
                <c:pt idx="4">
                  <c:v>79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2-8183-4750-8FFA-D16D9B167909}"/>
            </c:ext>
          </c:extLst>
        </c:ser>
        <c:ser>
          <c:idx val="2"/>
          <c:order val="5"/>
          <c:tx>
            <c:strRef>
              <c:f>Sheet2!$AB$130</c:f>
              <c:strCache>
                <c:ptCount val="1"/>
                <c:pt idx="0">
                  <c:v>SCA 18859</c:v>
                </c:pt>
              </c:strCache>
            </c:strRef>
          </c:tx>
          <c:spPr>
            <a:ln>
              <a:noFill/>
            </a:ln>
          </c:spPr>
          <c:marker>
            <c:symbol val="circle"/>
            <c:size val="9"/>
            <c:spPr>
              <a:solidFill>
                <a:srgbClr val="FF0000"/>
              </a:solidFill>
              <a:ln>
                <a:solidFill>
                  <a:schemeClr val="tx1"/>
                </a:solidFill>
              </a:ln>
            </c:spPr>
          </c:marker>
          <c:xVal>
            <c:numRef>
              <c:f>Sheet2!$T$131:$T$135</c:f>
              <c:numCache>
                <c:formatCode>General</c:formatCode>
                <c:ptCount val="5"/>
                <c:pt idx="0">
                  <c:v>800</c:v>
                </c:pt>
                <c:pt idx="1">
                  <c:v>1000</c:v>
                </c:pt>
                <c:pt idx="2">
                  <c:v>1230</c:v>
                </c:pt>
                <c:pt idx="3">
                  <c:v>1500</c:v>
                </c:pt>
                <c:pt idx="4">
                  <c:v>2000</c:v>
                </c:pt>
              </c:numCache>
            </c:numRef>
          </c:xVal>
          <c:yVal>
            <c:numRef>
              <c:f>Sheet2!$AB$131:$AB$135</c:f>
              <c:numCache>
                <c:formatCode>General</c:formatCode>
                <c:ptCount val="5"/>
                <c:pt idx="0">
                  <c:v>89</c:v>
                </c:pt>
                <c:pt idx="1">
                  <c:v>90</c:v>
                </c:pt>
                <c:pt idx="2">
                  <c:v>91</c:v>
                </c:pt>
                <c:pt idx="3">
                  <c:v>93</c:v>
                </c:pt>
                <c:pt idx="4">
                  <c:v>83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3-8183-4750-8FFA-D16D9B167909}"/>
            </c:ext>
          </c:extLst>
        </c:ser>
        <c:ser>
          <c:idx val="1"/>
          <c:order val="7"/>
          <c:tx>
            <c:v>Narrow band filter measurement</c:v>
          </c:tx>
          <c:spPr>
            <a:ln>
              <a:solidFill>
                <a:schemeClr val="tx1"/>
              </a:solidFill>
            </a:ln>
          </c:spPr>
          <c:marker>
            <c:symbol val="none"/>
          </c:marker>
          <c:xVal>
            <c:numRef>
              <c:f>Sheet2!$A$2:$A$213</c:f>
              <c:numCache>
                <c:formatCode>General</c:formatCode>
                <c:ptCount val="212"/>
                <c:pt idx="0">
                  <c:v>328</c:v>
                </c:pt>
                <c:pt idx="1">
                  <c:v>330</c:v>
                </c:pt>
                <c:pt idx="2">
                  <c:v>332</c:v>
                </c:pt>
                <c:pt idx="3">
                  <c:v>334</c:v>
                </c:pt>
                <c:pt idx="4">
                  <c:v>336</c:v>
                </c:pt>
                <c:pt idx="5">
                  <c:v>338</c:v>
                </c:pt>
                <c:pt idx="6">
                  <c:v>340</c:v>
                </c:pt>
                <c:pt idx="7">
                  <c:v>342</c:v>
                </c:pt>
                <c:pt idx="8">
                  <c:v>344</c:v>
                </c:pt>
                <c:pt idx="9">
                  <c:v>346</c:v>
                </c:pt>
                <c:pt idx="10">
                  <c:v>348</c:v>
                </c:pt>
                <c:pt idx="11">
                  <c:v>350</c:v>
                </c:pt>
                <c:pt idx="12">
                  <c:v>352</c:v>
                </c:pt>
                <c:pt idx="13">
                  <c:v>354</c:v>
                </c:pt>
                <c:pt idx="14">
                  <c:v>356</c:v>
                </c:pt>
                <c:pt idx="15">
                  <c:v>358</c:v>
                </c:pt>
                <c:pt idx="16">
                  <c:v>360</c:v>
                </c:pt>
                <c:pt idx="17">
                  <c:v>362</c:v>
                </c:pt>
                <c:pt idx="18">
                  <c:v>364</c:v>
                </c:pt>
                <c:pt idx="19">
                  <c:v>366</c:v>
                </c:pt>
                <c:pt idx="20">
                  <c:v>368</c:v>
                </c:pt>
                <c:pt idx="21">
                  <c:v>370</c:v>
                </c:pt>
                <c:pt idx="22">
                  <c:v>372</c:v>
                </c:pt>
                <c:pt idx="23">
                  <c:v>374</c:v>
                </c:pt>
                <c:pt idx="24">
                  <c:v>376</c:v>
                </c:pt>
                <c:pt idx="25">
                  <c:v>378</c:v>
                </c:pt>
                <c:pt idx="26">
                  <c:v>380</c:v>
                </c:pt>
                <c:pt idx="27">
                  <c:v>382</c:v>
                </c:pt>
                <c:pt idx="28">
                  <c:v>384</c:v>
                </c:pt>
                <c:pt idx="29">
                  <c:v>386</c:v>
                </c:pt>
                <c:pt idx="30">
                  <c:v>388</c:v>
                </c:pt>
                <c:pt idx="31">
                  <c:v>390</c:v>
                </c:pt>
                <c:pt idx="32">
                  <c:v>392</c:v>
                </c:pt>
                <c:pt idx="33">
                  <c:v>394</c:v>
                </c:pt>
                <c:pt idx="34">
                  <c:v>396</c:v>
                </c:pt>
                <c:pt idx="35">
                  <c:v>398</c:v>
                </c:pt>
                <c:pt idx="36">
                  <c:v>400</c:v>
                </c:pt>
                <c:pt idx="37">
                  <c:v>402</c:v>
                </c:pt>
                <c:pt idx="38">
                  <c:v>404</c:v>
                </c:pt>
                <c:pt idx="39">
                  <c:v>406</c:v>
                </c:pt>
                <c:pt idx="40">
                  <c:v>408</c:v>
                </c:pt>
                <c:pt idx="41">
                  <c:v>410</c:v>
                </c:pt>
                <c:pt idx="42">
                  <c:v>412</c:v>
                </c:pt>
                <c:pt idx="43">
                  <c:v>414</c:v>
                </c:pt>
                <c:pt idx="44">
                  <c:v>416</c:v>
                </c:pt>
                <c:pt idx="45">
                  <c:v>418</c:v>
                </c:pt>
                <c:pt idx="46">
                  <c:v>420</c:v>
                </c:pt>
                <c:pt idx="47">
                  <c:v>422</c:v>
                </c:pt>
                <c:pt idx="48">
                  <c:v>424</c:v>
                </c:pt>
                <c:pt idx="49">
                  <c:v>426</c:v>
                </c:pt>
                <c:pt idx="50">
                  <c:v>428</c:v>
                </c:pt>
                <c:pt idx="51">
                  <c:v>430</c:v>
                </c:pt>
                <c:pt idx="52">
                  <c:v>432</c:v>
                </c:pt>
                <c:pt idx="53">
                  <c:v>434</c:v>
                </c:pt>
                <c:pt idx="54">
                  <c:v>436</c:v>
                </c:pt>
                <c:pt idx="55">
                  <c:v>438</c:v>
                </c:pt>
                <c:pt idx="56">
                  <c:v>440</c:v>
                </c:pt>
                <c:pt idx="57">
                  <c:v>442</c:v>
                </c:pt>
                <c:pt idx="58">
                  <c:v>444</c:v>
                </c:pt>
                <c:pt idx="59">
                  <c:v>446</c:v>
                </c:pt>
                <c:pt idx="60">
                  <c:v>448</c:v>
                </c:pt>
                <c:pt idx="61">
                  <c:v>450</c:v>
                </c:pt>
                <c:pt idx="62">
                  <c:v>452</c:v>
                </c:pt>
                <c:pt idx="63">
                  <c:v>454</c:v>
                </c:pt>
                <c:pt idx="64">
                  <c:v>456</c:v>
                </c:pt>
                <c:pt idx="65">
                  <c:v>458</c:v>
                </c:pt>
                <c:pt idx="66">
                  <c:v>460</c:v>
                </c:pt>
                <c:pt idx="67">
                  <c:v>462</c:v>
                </c:pt>
                <c:pt idx="68">
                  <c:v>464</c:v>
                </c:pt>
                <c:pt idx="69">
                  <c:v>466</c:v>
                </c:pt>
                <c:pt idx="70">
                  <c:v>468</c:v>
                </c:pt>
                <c:pt idx="71">
                  <c:v>470</c:v>
                </c:pt>
                <c:pt idx="72">
                  <c:v>472</c:v>
                </c:pt>
                <c:pt idx="73">
                  <c:v>474</c:v>
                </c:pt>
                <c:pt idx="74">
                  <c:v>476</c:v>
                </c:pt>
                <c:pt idx="75">
                  <c:v>478</c:v>
                </c:pt>
                <c:pt idx="76">
                  <c:v>480</c:v>
                </c:pt>
                <c:pt idx="77">
                  <c:v>482</c:v>
                </c:pt>
                <c:pt idx="78">
                  <c:v>484</c:v>
                </c:pt>
                <c:pt idx="79">
                  <c:v>486</c:v>
                </c:pt>
                <c:pt idx="80">
                  <c:v>488</c:v>
                </c:pt>
                <c:pt idx="81">
                  <c:v>490</c:v>
                </c:pt>
                <c:pt idx="82">
                  <c:v>492</c:v>
                </c:pt>
                <c:pt idx="83">
                  <c:v>494</c:v>
                </c:pt>
                <c:pt idx="84">
                  <c:v>496</c:v>
                </c:pt>
                <c:pt idx="85">
                  <c:v>498</c:v>
                </c:pt>
                <c:pt idx="86">
                  <c:v>500</c:v>
                </c:pt>
                <c:pt idx="87">
                  <c:v>502</c:v>
                </c:pt>
                <c:pt idx="88">
                  <c:v>504</c:v>
                </c:pt>
                <c:pt idx="89">
                  <c:v>506</c:v>
                </c:pt>
                <c:pt idx="90">
                  <c:v>508</c:v>
                </c:pt>
                <c:pt idx="91">
                  <c:v>510</c:v>
                </c:pt>
                <c:pt idx="92">
                  <c:v>512</c:v>
                </c:pt>
                <c:pt idx="93">
                  <c:v>514</c:v>
                </c:pt>
                <c:pt idx="94">
                  <c:v>516</c:v>
                </c:pt>
                <c:pt idx="95">
                  <c:v>518</c:v>
                </c:pt>
                <c:pt idx="96">
                  <c:v>520</c:v>
                </c:pt>
                <c:pt idx="97">
                  <c:v>522</c:v>
                </c:pt>
                <c:pt idx="98">
                  <c:v>524</c:v>
                </c:pt>
                <c:pt idx="99">
                  <c:v>526</c:v>
                </c:pt>
                <c:pt idx="100">
                  <c:v>528</c:v>
                </c:pt>
                <c:pt idx="101">
                  <c:v>530</c:v>
                </c:pt>
                <c:pt idx="102">
                  <c:v>532</c:v>
                </c:pt>
                <c:pt idx="103">
                  <c:v>534</c:v>
                </c:pt>
                <c:pt idx="104">
                  <c:v>536</c:v>
                </c:pt>
                <c:pt idx="105">
                  <c:v>538</c:v>
                </c:pt>
                <c:pt idx="106">
                  <c:v>540</c:v>
                </c:pt>
                <c:pt idx="107">
                  <c:v>542</c:v>
                </c:pt>
                <c:pt idx="108">
                  <c:v>544</c:v>
                </c:pt>
                <c:pt idx="109">
                  <c:v>546</c:v>
                </c:pt>
                <c:pt idx="110">
                  <c:v>548</c:v>
                </c:pt>
                <c:pt idx="111">
                  <c:v>550</c:v>
                </c:pt>
                <c:pt idx="112">
                  <c:v>552</c:v>
                </c:pt>
                <c:pt idx="113">
                  <c:v>554</c:v>
                </c:pt>
                <c:pt idx="114">
                  <c:v>556</c:v>
                </c:pt>
                <c:pt idx="115">
                  <c:v>558</c:v>
                </c:pt>
                <c:pt idx="116">
                  <c:v>560</c:v>
                </c:pt>
                <c:pt idx="117">
                  <c:v>562</c:v>
                </c:pt>
                <c:pt idx="118">
                  <c:v>564</c:v>
                </c:pt>
                <c:pt idx="119">
                  <c:v>566</c:v>
                </c:pt>
                <c:pt idx="120">
                  <c:v>568</c:v>
                </c:pt>
                <c:pt idx="121">
                  <c:v>570</c:v>
                </c:pt>
                <c:pt idx="122">
                  <c:v>572</c:v>
                </c:pt>
                <c:pt idx="123">
                  <c:v>574</c:v>
                </c:pt>
                <c:pt idx="124">
                  <c:v>576</c:v>
                </c:pt>
                <c:pt idx="125">
                  <c:v>578</c:v>
                </c:pt>
                <c:pt idx="126">
                  <c:v>580</c:v>
                </c:pt>
                <c:pt idx="127">
                  <c:v>582</c:v>
                </c:pt>
                <c:pt idx="128">
                  <c:v>584</c:v>
                </c:pt>
                <c:pt idx="129">
                  <c:v>586</c:v>
                </c:pt>
                <c:pt idx="130">
                  <c:v>588</c:v>
                </c:pt>
                <c:pt idx="131">
                  <c:v>590</c:v>
                </c:pt>
                <c:pt idx="132">
                  <c:v>592</c:v>
                </c:pt>
                <c:pt idx="133">
                  <c:v>594</c:v>
                </c:pt>
                <c:pt idx="134">
                  <c:v>596</c:v>
                </c:pt>
                <c:pt idx="135">
                  <c:v>598</c:v>
                </c:pt>
                <c:pt idx="136">
                  <c:v>600</c:v>
                </c:pt>
                <c:pt idx="137">
                  <c:v>602</c:v>
                </c:pt>
                <c:pt idx="138">
                  <c:v>604</c:v>
                </c:pt>
                <c:pt idx="139">
                  <c:v>606</c:v>
                </c:pt>
                <c:pt idx="140">
                  <c:v>608</c:v>
                </c:pt>
                <c:pt idx="141">
                  <c:v>610</c:v>
                </c:pt>
                <c:pt idx="142">
                  <c:v>612</c:v>
                </c:pt>
                <c:pt idx="143">
                  <c:v>614</c:v>
                </c:pt>
                <c:pt idx="144">
                  <c:v>616</c:v>
                </c:pt>
                <c:pt idx="145">
                  <c:v>618</c:v>
                </c:pt>
                <c:pt idx="146">
                  <c:v>620</c:v>
                </c:pt>
                <c:pt idx="147">
                  <c:v>622</c:v>
                </c:pt>
                <c:pt idx="148">
                  <c:v>624</c:v>
                </c:pt>
                <c:pt idx="149">
                  <c:v>626</c:v>
                </c:pt>
                <c:pt idx="150">
                  <c:v>628</c:v>
                </c:pt>
                <c:pt idx="151">
                  <c:v>630</c:v>
                </c:pt>
                <c:pt idx="152">
                  <c:v>632</c:v>
                </c:pt>
                <c:pt idx="153">
                  <c:v>634</c:v>
                </c:pt>
                <c:pt idx="154">
                  <c:v>636</c:v>
                </c:pt>
                <c:pt idx="155">
                  <c:v>638</c:v>
                </c:pt>
                <c:pt idx="156">
                  <c:v>640</c:v>
                </c:pt>
                <c:pt idx="157">
                  <c:v>642</c:v>
                </c:pt>
                <c:pt idx="158">
                  <c:v>644</c:v>
                </c:pt>
                <c:pt idx="159">
                  <c:v>646</c:v>
                </c:pt>
                <c:pt idx="160">
                  <c:v>648</c:v>
                </c:pt>
                <c:pt idx="161">
                  <c:v>650</c:v>
                </c:pt>
                <c:pt idx="162">
                  <c:v>652</c:v>
                </c:pt>
                <c:pt idx="163">
                  <c:v>654</c:v>
                </c:pt>
                <c:pt idx="164">
                  <c:v>656</c:v>
                </c:pt>
                <c:pt idx="165">
                  <c:v>658</c:v>
                </c:pt>
                <c:pt idx="166">
                  <c:v>660</c:v>
                </c:pt>
                <c:pt idx="167">
                  <c:v>662</c:v>
                </c:pt>
                <c:pt idx="168">
                  <c:v>664</c:v>
                </c:pt>
                <c:pt idx="169">
                  <c:v>666</c:v>
                </c:pt>
                <c:pt idx="170">
                  <c:v>668</c:v>
                </c:pt>
                <c:pt idx="171">
                  <c:v>670</c:v>
                </c:pt>
                <c:pt idx="172">
                  <c:v>672</c:v>
                </c:pt>
                <c:pt idx="173">
                  <c:v>674</c:v>
                </c:pt>
                <c:pt idx="174">
                  <c:v>676</c:v>
                </c:pt>
                <c:pt idx="175">
                  <c:v>678</c:v>
                </c:pt>
                <c:pt idx="176">
                  <c:v>680</c:v>
                </c:pt>
                <c:pt idx="177">
                  <c:v>682</c:v>
                </c:pt>
                <c:pt idx="178">
                  <c:v>684</c:v>
                </c:pt>
                <c:pt idx="179">
                  <c:v>686</c:v>
                </c:pt>
                <c:pt idx="180">
                  <c:v>688</c:v>
                </c:pt>
                <c:pt idx="181">
                  <c:v>690</c:v>
                </c:pt>
                <c:pt idx="182">
                  <c:v>692</c:v>
                </c:pt>
                <c:pt idx="183">
                  <c:v>694</c:v>
                </c:pt>
                <c:pt idx="184">
                  <c:v>696</c:v>
                </c:pt>
                <c:pt idx="185">
                  <c:v>698</c:v>
                </c:pt>
                <c:pt idx="186">
                  <c:v>700</c:v>
                </c:pt>
                <c:pt idx="187">
                  <c:v>702</c:v>
                </c:pt>
                <c:pt idx="188">
                  <c:v>704</c:v>
                </c:pt>
                <c:pt idx="189">
                  <c:v>706</c:v>
                </c:pt>
                <c:pt idx="190">
                  <c:v>708</c:v>
                </c:pt>
                <c:pt idx="191">
                  <c:v>710</c:v>
                </c:pt>
                <c:pt idx="192">
                  <c:v>712</c:v>
                </c:pt>
                <c:pt idx="193">
                  <c:v>714</c:v>
                </c:pt>
                <c:pt idx="194">
                  <c:v>716</c:v>
                </c:pt>
                <c:pt idx="195">
                  <c:v>718</c:v>
                </c:pt>
                <c:pt idx="196">
                  <c:v>720</c:v>
                </c:pt>
                <c:pt idx="197">
                  <c:v>722</c:v>
                </c:pt>
                <c:pt idx="198">
                  <c:v>724</c:v>
                </c:pt>
                <c:pt idx="199">
                  <c:v>726</c:v>
                </c:pt>
                <c:pt idx="200">
                  <c:v>728</c:v>
                </c:pt>
                <c:pt idx="201">
                  <c:v>730</c:v>
                </c:pt>
                <c:pt idx="202">
                  <c:v>732</c:v>
                </c:pt>
                <c:pt idx="203">
                  <c:v>734</c:v>
                </c:pt>
                <c:pt idx="204">
                  <c:v>736</c:v>
                </c:pt>
                <c:pt idx="205">
                  <c:v>738</c:v>
                </c:pt>
                <c:pt idx="206">
                  <c:v>740</c:v>
                </c:pt>
                <c:pt idx="207">
                  <c:v>742</c:v>
                </c:pt>
                <c:pt idx="208">
                  <c:v>744</c:v>
                </c:pt>
                <c:pt idx="209">
                  <c:v>746</c:v>
                </c:pt>
                <c:pt idx="210">
                  <c:v>748</c:v>
                </c:pt>
                <c:pt idx="211">
                  <c:v>750</c:v>
                </c:pt>
              </c:numCache>
            </c:numRef>
          </c:xVal>
          <c:yVal>
            <c:numRef>
              <c:f>Sheet2!$F$2:$F$213</c:f>
              <c:numCache>
                <c:formatCode>General</c:formatCode>
                <c:ptCount val="212"/>
                <c:pt idx="0">
                  <c:v>24.542100627700005</c:v>
                </c:pt>
                <c:pt idx="1">
                  <c:v>25.023937246199996</c:v>
                </c:pt>
                <c:pt idx="2">
                  <c:v>25.519694678499999</c:v>
                </c:pt>
                <c:pt idx="3">
                  <c:v>26.029372924600001</c:v>
                </c:pt>
                <c:pt idx="4">
                  <c:v>26.768156394999998</c:v>
                </c:pt>
                <c:pt idx="5">
                  <c:v>27.797512345000001</c:v>
                </c:pt>
                <c:pt idx="6">
                  <c:v>28.874218668699999</c:v>
                </c:pt>
                <c:pt idx="7">
                  <c:v>29.9982753661</c:v>
                </c:pt>
                <c:pt idx="8">
                  <c:v>31.168604064299998</c:v>
                </c:pt>
                <c:pt idx="9">
                  <c:v>34.026096181500002</c:v>
                </c:pt>
                <c:pt idx="10">
                  <c:v>37.704720245099999</c:v>
                </c:pt>
                <c:pt idx="11">
                  <c:v>41.921550419700004</c:v>
                </c:pt>
                <c:pt idx="12">
                  <c:v>46.770405147599995</c:v>
                </c:pt>
                <c:pt idx="13">
                  <c:v>52.362847006999992</c:v>
                </c:pt>
                <c:pt idx="14">
                  <c:v>56.954558815200002</c:v>
                </c:pt>
                <c:pt idx="15">
                  <c:v>61.670479574699996</c:v>
                </c:pt>
                <c:pt idx="16">
                  <c:v>66.714225695799996</c:v>
                </c:pt>
                <c:pt idx="17">
                  <c:v>72.065700228999987</c:v>
                </c:pt>
                <c:pt idx="18">
                  <c:v>77.691375580499994</c:v>
                </c:pt>
                <c:pt idx="19">
                  <c:v>80.177319216699999</c:v>
                </c:pt>
                <c:pt idx="20">
                  <c:v>80.837479499299988</c:v>
                </c:pt>
                <c:pt idx="21">
                  <c:v>81.222066488999999</c:v>
                </c:pt>
                <c:pt idx="22">
                  <c:v>81.347353813200002</c:v>
                </c:pt>
                <c:pt idx="23">
                  <c:v>81.234908929899987</c:v>
                </c:pt>
                <c:pt idx="24">
                  <c:v>80.977864044100002</c:v>
                </c:pt>
                <c:pt idx="25">
                  <c:v>80.937376043399993</c:v>
                </c:pt>
                <c:pt idx="26">
                  <c:v>80.762189464100004</c:v>
                </c:pt>
                <c:pt idx="27">
                  <c:v>80.468774001399993</c:v>
                </c:pt>
                <c:pt idx="28">
                  <c:v>80.07663840139999</c:v>
                </c:pt>
                <c:pt idx="29">
                  <c:v>79.606565850899997</c:v>
                </c:pt>
                <c:pt idx="30">
                  <c:v>79.258447472</c:v>
                </c:pt>
                <c:pt idx="31">
                  <c:v>79.316091405199998</c:v>
                </c:pt>
                <c:pt idx="32">
                  <c:v>79.320993100199999</c:v>
                </c:pt>
                <c:pt idx="33">
                  <c:v>79.284426455499997</c:v>
                </c:pt>
                <c:pt idx="34">
                  <c:v>79.216586996700002</c:v>
                </c:pt>
                <c:pt idx="35">
                  <c:v>79.124827266299988</c:v>
                </c:pt>
                <c:pt idx="36">
                  <c:v>79.017382111899991</c:v>
                </c:pt>
                <c:pt idx="37">
                  <c:v>78.91768163559999</c:v>
                </c:pt>
                <c:pt idx="38">
                  <c:v>78.805138718399988</c:v>
                </c:pt>
                <c:pt idx="39">
                  <c:v>78.685243258699998</c:v>
                </c:pt>
                <c:pt idx="40">
                  <c:v>78.562896951499994</c:v>
                </c:pt>
                <c:pt idx="41">
                  <c:v>78.4422172206</c:v>
                </c:pt>
                <c:pt idx="42">
                  <c:v>78.32751755759999</c:v>
                </c:pt>
                <c:pt idx="43">
                  <c:v>78.419081220199999</c:v>
                </c:pt>
                <c:pt idx="44">
                  <c:v>78.85954753290001</c:v>
                </c:pt>
                <c:pt idx="45">
                  <c:v>79.303935201599998</c:v>
                </c:pt>
                <c:pt idx="46">
                  <c:v>79.751361921200001</c:v>
                </c:pt>
                <c:pt idx="47">
                  <c:v>80.200749318800007</c:v>
                </c:pt>
                <c:pt idx="48">
                  <c:v>80.650724919799984</c:v>
                </c:pt>
                <c:pt idx="49">
                  <c:v>81.100602486899987</c:v>
                </c:pt>
                <c:pt idx="50">
                  <c:v>81.391665136</c:v>
                </c:pt>
                <c:pt idx="51">
                  <c:v>81.188734962999987</c:v>
                </c:pt>
                <c:pt idx="52">
                  <c:v>80.997862959699987</c:v>
                </c:pt>
                <c:pt idx="53">
                  <c:v>80.821892109200007</c:v>
                </c:pt>
                <c:pt idx="54">
                  <c:v>80.662488987799989</c:v>
                </c:pt>
                <c:pt idx="55">
                  <c:v>80.520928036200004</c:v>
                </c:pt>
                <c:pt idx="56">
                  <c:v>80.397601390000005</c:v>
                </c:pt>
                <c:pt idx="57">
                  <c:v>80.294371693300008</c:v>
                </c:pt>
                <c:pt idx="58">
                  <c:v>80.075952164100002</c:v>
                </c:pt>
                <c:pt idx="59">
                  <c:v>79.803221854299991</c:v>
                </c:pt>
                <c:pt idx="60">
                  <c:v>79.568920833299998</c:v>
                </c:pt>
                <c:pt idx="61">
                  <c:v>79.374617643499988</c:v>
                </c:pt>
                <c:pt idx="62">
                  <c:v>79.220312284900004</c:v>
                </c:pt>
                <c:pt idx="63">
                  <c:v>79.105612621899994</c:v>
                </c:pt>
                <c:pt idx="64">
                  <c:v>79.027773705300007</c:v>
                </c:pt>
                <c:pt idx="65">
                  <c:v>78.984932891</c:v>
                </c:pt>
                <c:pt idx="66">
                  <c:v>79.058948485499997</c:v>
                </c:pt>
                <c:pt idx="67">
                  <c:v>79.266584285700006</c:v>
                </c:pt>
                <c:pt idx="68">
                  <c:v>79.471965306199991</c:v>
                </c:pt>
                <c:pt idx="69">
                  <c:v>79.674601377499997</c:v>
                </c:pt>
                <c:pt idx="70">
                  <c:v>79.873021991100003</c:v>
                </c:pt>
                <c:pt idx="71">
                  <c:v>80.065756638499991</c:v>
                </c:pt>
                <c:pt idx="72">
                  <c:v>80.252119082399986</c:v>
                </c:pt>
                <c:pt idx="73">
                  <c:v>80.436618882200008</c:v>
                </c:pt>
                <c:pt idx="74">
                  <c:v>80.621902953199992</c:v>
                </c:pt>
                <c:pt idx="75">
                  <c:v>80.813167092099988</c:v>
                </c:pt>
                <c:pt idx="76">
                  <c:v>81.013058214200001</c:v>
                </c:pt>
                <c:pt idx="77">
                  <c:v>81.219811709299989</c:v>
                </c:pt>
                <c:pt idx="78">
                  <c:v>81.4342118486</c:v>
                </c:pt>
                <c:pt idx="79">
                  <c:v>81.656944869399993</c:v>
                </c:pt>
                <c:pt idx="80">
                  <c:v>81.891049822599996</c:v>
                </c:pt>
                <c:pt idx="81">
                  <c:v>82.133389623400006</c:v>
                </c:pt>
                <c:pt idx="82">
                  <c:v>82.381611458199998</c:v>
                </c:pt>
                <c:pt idx="83">
                  <c:v>82.633068411699995</c:v>
                </c:pt>
                <c:pt idx="84">
                  <c:v>82.889427060199992</c:v>
                </c:pt>
                <c:pt idx="85">
                  <c:v>83.202939472400004</c:v>
                </c:pt>
                <c:pt idx="86">
                  <c:v>83.512334460800005</c:v>
                </c:pt>
                <c:pt idx="87">
                  <c:v>83.816141516900004</c:v>
                </c:pt>
                <c:pt idx="88">
                  <c:v>84.114066538999992</c:v>
                </c:pt>
                <c:pt idx="89">
                  <c:v>84.403364577900007</c:v>
                </c:pt>
                <c:pt idx="90">
                  <c:v>84.682859226800005</c:v>
                </c:pt>
                <c:pt idx="91">
                  <c:v>84.952158350099992</c:v>
                </c:pt>
                <c:pt idx="92">
                  <c:v>85.21096784609999</c:v>
                </c:pt>
                <c:pt idx="93">
                  <c:v>85.457327036799995</c:v>
                </c:pt>
                <c:pt idx="94">
                  <c:v>85.690451651000004</c:v>
                </c:pt>
                <c:pt idx="95">
                  <c:v>85.887793891699985</c:v>
                </c:pt>
                <c:pt idx="96">
                  <c:v>86.062392267599989</c:v>
                </c:pt>
                <c:pt idx="97">
                  <c:v>86.222285558499991</c:v>
                </c:pt>
                <c:pt idx="98">
                  <c:v>86.367081628799994</c:v>
                </c:pt>
                <c:pt idx="99">
                  <c:v>86.496878512400002</c:v>
                </c:pt>
                <c:pt idx="100">
                  <c:v>86.611088005900001</c:v>
                </c:pt>
                <c:pt idx="101">
                  <c:v>86.709416007599998</c:v>
                </c:pt>
                <c:pt idx="102">
                  <c:v>86.791470381899998</c:v>
                </c:pt>
                <c:pt idx="103">
                  <c:v>86.857251128799987</c:v>
                </c:pt>
                <c:pt idx="104">
                  <c:v>86.907052350000001</c:v>
                </c:pt>
                <c:pt idx="105">
                  <c:v>86.9416583167</c:v>
                </c:pt>
                <c:pt idx="106">
                  <c:v>86.941364214999993</c:v>
                </c:pt>
                <c:pt idx="107">
                  <c:v>86.9051897059</c:v>
                </c:pt>
                <c:pt idx="108">
                  <c:v>86.855878654199998</c:v>
                </c:pt>
                <c:pt idx="109">
                  <c:v>86.793921229399999</c:v>
                </c:pt>
                <c:pt idx="110">
                  <c:v>86.720101702699992</c:v>
                </c:pt>
                <c:pt idx="111">
                  <c:v>86.63491024359999</c:v>
                </c:pt>
                <c:pt idx="112">
                  <c:v>86.539229157199998</c:v>
                </c:pt>
                <c:pt idx="113">
                  <c:v>86.433548612999999</c:v>
                </c:pt>
                <c:pt idx="114">
                  <c:v>86.318750916099987</c:v>
                </c:pt>
                <c:pt idx="115">
                  <c:v>86.195326236</c:v>
                </c:pt>
                <c:pt idx="116">
                  <c:v>86.063960809999998</c:v>
                </c:pt>
                <c:pt idx="117">
                  <c:v>85.925242841499994</c:v>
                </c:pt>
                <c:pt idx="118">
                  <c:v>85.780054635599996</c:v>
                </c:pt>
                <c:pt idx="119">
                  <c:v>85.629964734699996</c:v>
                </c:pt>
                <c:pt idx="120">
                  <c:v>85.474090833699989</c:v>
                </c:pt>
                <c:pt idx="121">
                  <c:v>85.312825068199984</c:v>
                </c:pt>
                <c:pt idx="122">
                  <c:v>85.146755641599995</c:v>
                </c:pt>
                <c:pt idx="123">
                  <c:v>84.976274689499988</c:v>
                </c:pt>
                <c:pt idx="124">
                  <c:v>84.8017743475</c:v>
                </c:pt>
                <c:pt idx="125">
                  <c:v>84.623646751199999</c:v>
                </c:pt>
                <c:pt idx="126">
                  <c:v>84.44238207010001</c:v>
                </c:pt>
                <c:pt idx="127">
                  <c:v>84.258274405899996</c:v>
                </c:pt>
                <c:pt idx="128">
                  <c:v>84.071519826399992</c:v>
                </c:pt>
                <c:pt idx="129">
                  <c:v>83.882706534999997</c:v>
                </c:pt>
                <c:pt idx="130">
                  <c:v>83.692128633399989</c:v>
                </c:pt>
                <c:pt idx="131">
                  <c:v>83.499982189400001</c:v>
                </c:pt>
                <c:pt idx="132">
                  <c:v>83.311462999699998</c:v>
                </c:pt>
                <c:pt idx="133">
                  <c:v>83.123041843899998</c:v>
                </c:pt>
                <c:pt idx="134">
                  <c:v>82.934032484699998</c:v>
                </c:pt>
                <c:pt idx="135">
                  <c:v>82.744630989900003</c:v>
                </c:pt>
                <c:pt idx="136">
                  <c:v>82.555131461200006</c:v>
                </c:pt>
                <c:pt idx="137">
                  <c:v>82.365828000299999</c:v>
                </c:pt>
                <c:pt idx="138">
                  <c:v>82.176916675000001</c:v>
                </c:pt>
                <c:pt idx="139">
                  <c:v>81.988593553100003</c:v>
                </c:pt>
                <c:pt idx="140">
                  <c:v>81.801152736299997</c:v>
                </c:pt>
                <c:pt idx="141">
                  <c:v>81.614790292399988</c:v>
                </c:pt>
                <c:pt idx="142">
                  <c:v>81.429702289199994</c:v>
                </c:pt>
                <c:pt idx="143">
                  <c:v>81.246084794499993</c:v>
                </c:pt>
                <c:pt idx="144">
                  <c:v>81.064133876099987</c:v>
                </c:pt>
                <c:pt idx="145">
                  <c:v>80.883947567899995</c:v>
                </c:pt>
                <c:pt idx="146">
                  <c:v>80.706604242799997</c:v>
                </c:pt>
                <c:pt idx="147">
                  <c:v>80.548573595999997</c:v>
                </c:pt>
                <c:pt idx="148">
                  <c:v>80.3925036272</c:v>
                </c:pt>
                <c:pt idx="149">
                  <c:v>80.238688438099999</c:v>
                </c:pt>
                <c:pt idx="150">
                  <c:v>80.087029994800005</c:v>
                </c:pt>
                <c:pt idx="151">
                  <c:v>79.937626331200008</c:v>
                </c:pt>
                <c:pt idx="152">
                  <c:v>79.790673515099996</c:v>
                </c:pt>
                <c:pt idx="153">
                  <c:v>79.646367614300004</c:v>
                </c:pt>
                <c:pt idx="154">
                  <c:v>79.504610594900001</c:v>
                </c:pt>
                <c:pt idx="155">
                  <c:v>79.365500490800002</c:v>
                </c:pt>
                <c:pt idx="156">
                  <c:v>79.229331403699987</c:v>
                </c:pt>
                <c:pt idx="157">
                  <c:v>79.095907265799994</c:v>
                </c:pt>
                <c:pt idx="158">
                  <c:v>78.965522178800001</c:v>
                </c:pt>
                <c:pt idx="159">
                  <c:v>78.837980074900003</c:v>
                </c:pt>
                <c:pt idx="160">
                  <c:v>78.713575055799993</c:v>
                </c:pt>
                <c:pt idx="161">
                  <c:v>78.592209087599997</c:v>
                </c:pt>
                <c:pt idx="162">
                  <c:v>78.473980204199989</c:v>
                </c:pt>
                <c:pt idx="163">
                  <c:v>78.3443793884</c:v>
                </c:pt>
                <c:pt idx="164">
                  <c:v>78.212915928499996</c:v>
                </c:pt>
                <c:pt idx="165">
                  <c:v>78.084883655099986</c:v>
                </c:pt>
                <c:pt idx="166">
                  <c:v>77.960184534299998</c:v>
                </c:pt>
                <c:pt idx="167">
                  <c:v>77.838916600000005</c:v>
                </c:pt>
                <c:pt idx="168">
                  <c:v>77.720981818300004</c:v>
                </c:pt>
                <c:pt idx="169">
                  <c:v>77.606576257</c:v>
                </c:pt>
                <c:pt idx="170">
                  <c:v>77.495405814400002</c:v>
                </c:pt>
                <c:pt idx="171">
                  <c:v>77.387666558299998</c:v>
                </c:pt>
                <c:pt idx="172">
                  <c:v>77.283358488699989</c:v>
                </c:pt>
                <c:pt idx="173">
                  <c:v>77.182481605600003</c:v>
                </c:pt>
                <c:pt idx="174">
                  <c:v>77.084839841199994</c:v>
                </c:pt>
                <c:pt idx="175">
                  <c:v>76.990531229399991</c:v>
                </c:pt>
                <c:pt idx="176">
                  <c:v>76.899653804099998</c:v>
                </c:pt>
                <c:pt idx="177">
                  <c:v>76.812011497500009</c:v>
                </c:pt>
                <c:pt idx="178">
                  <c:v>76.727702343499985</c:v>
                </c:pt>
                <c:pt idx="179">
                  <c:v>76.646530274300005</c:v>
                </c:pt>
                <c:pt idx="180">
                  <c:v>76.568789391599992</c:v>
                </c:pt>
                <c:pt idx="181">
                  <c:v>76.493107220799985</c:v>
                </c:pt>
                <c:pt idx="182">
                  <c:v>76.419973931399994</c:v>
                </c:pt>
                <c:pt idx="183">
                  <c:v>76.350075760699994</c:v>
                </c:pt>
                <c:pt idx="184">
                  <c:v>76.283314674799996</c:v>
                </c:pt>
                <c:pt idx="185">
                  <c:v>76.219788707600003</c:v>
                </c:pt>
                <c:pt idx="186">
                  <c:v>76.159301791299995</c:v>
                </c:pt>
                <c:pt idx="187">
                  <c:v>76.101853925900002</c:v>
                </c:pt>
                <c:pt idx="188">
                  <c:v>76.047641179199999</c:v>
                </c:pt>
                <c:pt idx="189">
                  <c:v>75.996369449499994</c:v>
                </c:pt>
                <c:pt idx="190">
                  <c:v>75.948136770700003</c:v>
                </c:pt>
                <c:pt idx="191">
                  <c:v>75.902943142799998</c:v>
                </c:pt>
                <c:pt idx="192">
                  <c:v>75.860592498000003</c:v>
                </c:pt>
                <c:pt idx="193">
                  <c:v>75.821280904099993</c:v>
                </c:pt>
                <c:pt idx="194">
                  <c:v>75.784812293299993</c:v>
                </c:pt>
                <c:pt idx="195">
                  <c:v>75.75128469949999</c:v>
                </c:pt>
                <c:pt idx="196">
                  <c:v>75.720600088799998</c:v>
                </c:pt>
                <c:pt idx="197">
                  <c:v>75.6927584612</c:v>
                </c:pt>
                <c:pt idx="198">
                  <c:v>75.667563748900008</c:v>
                </c:pt>
                <c:pt idx="199">
                  <c:v>75.645212019699997</c:v>
                </c:pt>
                <c:pt idx="200">
                  <c:v>75.625605239700008</c:v>
                </c:pt>
                <c:pt idx="201">
                  <c:v>75.608645374999995</c:v>
                </c:pt>
                <c:pt idx="202">
                  <c:v>75.594332425600001</c:v>
                </c:pt>
                <c:pt idx="203">
                  <c:v>75.582568357599996</c:v>
                </c:pt>
                <c:pt idx="204">
                  <c:v>75.573451204899996</c:v>
                </c:pt>
                <c:pt idx="205">
                  <c:v>75.566784899699996</c:v>
                </c:pt>
                <c:pt idx="206">
                  <c:v>75.562765509799988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4-8183-4750-8FFA-D16D9B16790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723756936"/>
        <c:axId val="1"/>
      </c:scatterChart>
      <c:scatterChart>
        <c:scatterStyle val="lineMarker"/>
        <c:varyColors val="0"/>
        <c:ser>
          <c:idx val="7"/>
          <c:order val="2"/>
          <c:tx>
            <c:strRef>
              <c:f>Sheet2!$Y$130</c:f>
              <c:strCache>
                <c:ptCount val="1"/>
                <c:pt idx="0">
                  <c:v>SCA 18574</c:v>
                </c:pt>
              </c:strCache>
            </c:strRef>
          </c:tx>
          <c:spPr>
            <a:ln>
              <a:noFill/>
            </a:ln>
          </c:spPr>
          <c:marker>
            <c:symbol val="diamond"/>
            <c:size val="12"/>
            <c:spPr>
              <a:solidFill>
                <a:schemeClr val="tx2">
                  <a:lumMod val="75000"/>
                </a:schemeClr>
              </a:solidFill>
            </c:spPr>
          </c:marker>
          <c:xVal>
            <c:numRef>
              <c:f>Sheet2!$T$131:$T$135</c:f>
              <c:numCache>
                <c:formatCode>General</c:formatCode>
                <c:ptCount val="5"/>
                <c:pt idx="0">
                  <c:v>800</c:v>
                </c:pt>
                <c:pt idx="1">
                  <c:v>1000</c:v>
                </c:pt>
                <c:pt idx="2">
                  <c:v>1230</c:v>
                </c:pt>
                <c:pt idx="3">
                  <c:v>1500</c:v>
                </c:pt>
                <c:pt idx="4">
                  <c:v>2000</c:v>
                </c:pt>
              </c:numCache>
            </c:numRef>
          </c:xVal>
          <c:yVal>
            <c:numRef>
              <c:f>Sheet2!$Y$131:$Y$135</c:f>
              <c:numCache>
                <c:formatCode>General</c:formatCode>
                <c:ptCount val="5"/>
                <c:pt idx="0">
                  <c:v>74</c:v>
                </c:pt>
                <c:pt idx="1">
                  <c:v>87.4</c:v>
                </c:pt>
                <c:pt idx="2">
                  <c:v>99.1</c:v>
                </c:pt>
                <c:pt idx="3">
                  <c:v>99</c:v>
                </c:pt>
                <c:pt idx="4">
                  <c:v>94</c:v>
                </c:pt>
              </c:numCache>
            </c:numRef>
          </c:yVal>
          <c:smooth val="0"/>
          <c:extLst>
            <c:ext xmlns:c16="http://schemas.microsoft.com/office/drawing/2014/chart" uri="{C3380CC4-5D6E-409C-BE32-E72D297353CC}">
              <c16:uniqueId val="{00000006-8183-4750-8FFA-D16D9B167909}"/>
            </c:ext>
          </c:extLst>
        </c:ser>
        <c:ser>
          <c:idx val="6"/>
          <c:order val="6"/>
          <c:tx>
            <c:strRef>
              <c:f>Sheet2!$T$168</c:f>
              <c:strCache>
                <c:ptCount val="1"/>
                <c:pt idx="0">
                  <c:v>Specification</c:v>
                </c:pt>
              </c:strCache>
            </c:strRef>
          </c:tx>
          <c:spPr>
            <a:ln>
              <a:solidFill>
                <a:srgbClr val="FF0000"/>
              </a:solidFill>
            </a:ln>
          </c:spPr>
          <c:marker>
            <c:symbol val="none"/>
          </c:marker>
          <c:xVal>
            <c:numRef>
              <c:f>Sheet2!$T$169:$T$175</c:f>
              <c:numCache>
                <c:formatCode>General</c:formatCode>
                <c:ptCount val="7"/>
                <c:pt idx="0">
                  <c:v>500</c:v>
                </c:pt>
                <c:pt idx="1">
                  <c:v>1000</c:v>
                </c:pt>
                <c:pt idx="2">
                  <c:v>1001</c:v>
                </c:pt>
                <c:pt idx="3">
                  <c:v>1229</c:v>
                </c:pt>
                <c:pt idx="4">
                  <c:v>1230</c:v>
                </c:pt>
                <c:pt idx="5">
                  <c:v>1600</c:v>
                </c:pt>
                <c:pt idx="6">
                  <c:v>2000</c:v>
                </c:pt>
              </c:numCache>
            </c:numRef>
          </c:xVal>
          <c:yVal>
            <c:numRef>
              <c:f>Sheet2!$U$169:$U$175</c:f>
              <c:numCache>
                <c:formatCode>General</c:formatCode>
                <c:ptCount val="7"/>
                <c:pt idx="0">
                  <c:v>60</c:v>
                </c:pt>
                <c:pt idx="1">
                  <c:v>60</c:v>
                </c:pt>
                <c:pt idx="2">
                  <c:v>60</c:v>
                </c:pt>
                <c:pt idx="3">
                  <c:v>80</c:v>
                </c:pt>
                <c:pt idx="4">
                  <c:v>80</c:v>
                </c:pt>
                <c:pt idx="5">
                  <c:v>80</c:v>
                </c:pt>
                <c:pt idx="6">
                  <c:v>80</c:v>
                </c:pt>
              </c:numCache>
            </c:numRef>
          </c:yVal>
          <c:smooth val="0"/>
          <c:extLst>
            <c:ext xmlns:c16="http://schemas.microsoft.com/office/drawing/2014/chart" uri="{C3380CC4-5D6E-409C-BE32-E72D297353CC}">
              <c16:uniqueId val="{00000007-8183-4750-8FFA-D16D9B167909}"/>
            </c:ext>
          </c:extLst>
        </c:ser>
        <c:ser>
          <c:idx val="8"/>
          <c:order val="8"/>
          <c:tx>
            <c:strRef>
              <c:f>Sheet2!$Y$130</c:f>
              <c:strCache>
                <c:ptCount val="1"/>
                <c:pt idx="0">
                  <c:v>SCA 18574</c:v>
                </c:pt>
              </c:strCache>
            </c:strRef>
          </c:tx>
          <c:spPr>
            <a:ln w="28575">
              <a:noFill/>
            </a:ln>
          </c:spPr>
          <c:marker>
            <c:symbol val="diamond"/>
            <c:size val="7"/>
            <c:spPr>
              <a:solidFill>
                <a:schemeClr val="tx2">
                  <a:lumMod val="75000"/>
                </a:schemeClr>
              </a:solidFill>
            </c:spPr>
          </c:marker>
          <c:xVal>
            <c:numRef>
              <c:f>Sheet2!$T$131:$T$135</c:f>
              <c:numCache>
                <c:formatCode>General</c:formatCode>
                <c:ptCount val="5"/>
                <c:pt idx="0">
                  <c:v>800</c:v>
                </c:pt>
                <c:pt idx="1">
                  <c:v>1000</c:v>
                </c:pt>
                <c:pt idx="2">
                  <c:v>1230</c:v>
                </c:pt>
                <c:pt idx="3">
                  <c:v>1500</c:v>
                </c:pt>
                <c:pt idx="4">
                  <c:v>2000</c:v>
                </c:pt>
              </c:numCache>
            </c:numRef>
          </c:xVal>
          <c:yVal>
            <c:numRef>
              <c:f>Sheet2!$Y$131:$Y$135</c:f>
              <c:numCache>
                <c:formatCode>General</c:formatCode>
                <c:ptCount val="5"/>
                <c:pt idx="0">
                  <c:v>74</c:v>
                </c:pt>
                <c:pt idx="1">
                  <c:v>87.4</c:v>
                </c:pt>
                <c:pt idx="2">
                  <c:v>99.1</c:v>
                </c:pt>
                <c:pt idx="3">
                  <c:v>99</c:v>
                </c:pt>
                <c:pt idx="4">
                  <c:v>94</c:v>
                </c:pt>
              </c:numCache>
            </c:numRef>
          </c:yVal>
          <c:smooth val="0"/>
          <c:extLst>
            <c:ext xmlns:c16="http://schemas.microsoft.com/office/drawing/2014/chart" uri="{C3380CC4-5D6E-409C-BE32-E72D297353CC}">
              <c16:uniqueId val="{00000008-8183-4750-8FFA-D16D9B16790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3"/>
        <c:axId val="4"/>
      </c:scatterChart>
      <c:scatterChart>
        <c:scatterStyle val="smoothMarker"/>
        <c:varyColors val="0"/>
        <c:ser>
          <c:idx val="3"/>
          <c:order val="1"/>
          <c:tx>
            <c:v>AR coating design</c:v>
          </c:tx>
          <c:spPr>
            <a:ln>
              <a:solidFill>
                <a:srgbClr val="00B0F0"/>
              </a:solidFill>
            </a:ln>
          </c:spPr>
          <c:marker>
            <c:symbol val="none"/>
          </c:marker>
          <c:xVal>
            <c:numRef>
              <c:f>Sheet2!$A:$A</c:f>
              <c:numCache>
                <c:formatCode>General</c:formatCode>
                <c:ptCount val="65536"/>
                <c:pt idx="1">
                  <c:v>328</c:v>
                </c:pt>
                <c:pt idx="2">
                  <c:v>330</c:v>
                </c:pt>
                <c:pt idx="3">
                  <c:v>332</c:v>
                </c:pt>
                <c:pt idx="4">
                  <c:v>334</c:v>
                </c:pt>
                <c:pt idx="5">
                  <c:v>336</c:v>
                </c:pt>
                <c:pt idx="6">
                  <c:v>338</c:v>
                </c:pt>
                <c:pt idx="7">
                  <c:v>340</c:v>
                </c:pt>
                <c:pt idx="8">
                  <c:v>342</c:v>
                </c:pt>
                <c:pt idx="9">
                  <c:v>344</c:v>
                </c:pt>
                <c:pt idx="10">
                  <c:v>346</c:v>
                </c:pt>
                <c:pt idx="11">
                  <c:v>348</c:v>
                </c:pt>
                <c:pt idx="12">
                  <c:v>350</c:v>
                </c:pt>
                <c:pt idx="13">
                  <c:v>352</c:v>
                </c:pt>
                <c:pt idx="14">
                  <c:v>354</c:v>
                </c:pt>
                <c:pt idx="15">
                  <c:v>356</c:v>
                </c:pt>
                <c:pt idx="16">
                  <c:v>358</c:v>
                </c:pt>
                <c:pt idx="17">
                  <c:v>360</c:v>
                </c:pt>
                <c:pt idx="18">
                  <c:v>362</c:v>
                </c:pt>
                <c:pt idx="19">
                  <c:v>364</c:v>
                </c:pt>
                <c:pt idx="20">
                  <c:v>366</c:v>
                </c:pt>
                <c:pt idx="21">
                  <c:v>368</c:v>
                </c:pt>
                <c:pt idx="22">
                  <c:v>370</c:v>
                </c:pt>
                <c:pt idx="23">
                  <c:v>372</c:v>
                </c:pt>
                <c:pt idx="24">
                  <c:v>374</c:v>
                </c:pt>
                <c:pt idx="25">
                  <c:v>376</c:v>
                </c:pt>
                <c:pt idx="26">
                  <c:v>378</c:v>
                </c:pt>
                <c:pt idx="27">
                  <c:v>380</c:v>
                </c:pt>
                <c:pt idx="28">
                  <c:v>382</c:v>
                </c:pt>
                <c:pt idx="29">
                  <c:v>384</c:v>
                </c:pt>
                <c:pt idx="30">
                  <c:v>386</c:v>
                </c:pt>
                <c:pt idx="31">
                  <c:v>388</c:v>
                </c:pt>
                <c:pt idx="32">
                  <c:v>390</c:v>
                </c:pt>
                <c:pt idx="33">
                  <c:v>392</c:v>
                </c:pt>
                <c:pt idx="34">
                  <c:v>394</c:v>
                </c:pt>
                <c:pt idx="35">
                  <c:v>396</c:v>
                </c:pt>
                <c:pt idx="36">
                  <c:v>398</c:v>
                </c:pt>
                <c:pt idx="37">
                  <c:v>400</c:v>
                </c:pt>
                <c:pt idx="38">
                  <c:v>402</c:v>
                </c:pt>
                <c:pt idx="39">
                  <c:v>404</c:v>
                </c:pt>
                <c:pt idx="40">
                  <c:v>406</c:v>
                </c:pt>
                <c:pt idx="41">
                  <c:v>408</c:v>
                </c:pt>
                <c:pt idx="42">
                  <c:v>410</c:v>
                </c:pt>
                <c:pt idx="43">
                  <c:v>412</c:v>
                </c:pt>
                <c:pt idx="44">
                  <c:v>414</c:v>
                </c:pt>
                <c:pt idx="45">
                  <c:v>416</c:v>
                </c:pt>
                <c:pt idx="46">
                  <c:v>418</c:v>
                </c:pt>
                <c:pt idx="47">
                  <c:v>420</c:v>
                </c:pt>
                <c:pt idx="48">
                  <c:v>422</c:v>
                </c:pt>
                <c:pt idx="49">
                  <c:v>424</c:v>
                </c:pt>
                <c:pt idx="50">
                  <c:v>426</c:v>
                </c:pt>
                <c:pt idx="51">
                  <c:v>428</c:v>
                </c:pt>
                <c:pt idx="52">
                  <c:v>430</c:v>
                </c:pt>
                <c:pt idx="53">
                  <c:v>432</c:v>
                </c:pt>
                <c:pt idx="54">
                  <c:v>434</c:v>
                </c:pt>
                <c:pt idx="55">
                  <c:v>436</c:v>
                </c:pt>
                <c:pt idx="56">
                  <c:v>438</c:v>
                </c:pt>
                <c:pt idx="57">
                  <c:v>440</c:v>
                </c:pt>
                <c:pt idx="58">
                  <c:v>442</c:v>
                </c:pt>
                <c:pt idx="59">
                  <c:v>444</c:v>
                </c:pt>
                <c:pt idx="60">
                  <c:v>446</c:v>
                </c:pt>
                <c:pt idx="61">
                  <c:v>448</c:v>
                </c:pt>
                <c:pt idx="62">
                  <c:v>450</c:v>
                </c:pt>
                <c:pt idx="63">
                  <c:v>452</c:v>
                </c:pt>
                <c:pt idx="64">
                  <c:v>454</c:v>
                </c:pt>
                <c:pt idx="65">
                  <c:v>456</c:v>
                </c:pt>
                <c:pt idx="66">
                  <c:v>458</c:v>
                </c:pt>
                <c:pt idx="67">
                  <c:v>460</c:v>
                </c:pt>
                <c:pt idx="68">
                  <c:v>462</c:v>
                </c:pt>
                <c:pt idx="69">
                  <c:v>464</c:v>
                </c:pt>
                <c:pt idx="70">
                  <c:v>466</c:v>
                </c:pt>
                <c:pt idx="71">
                  <c:v>468</c:v>
                </c:pt>
                <c:pt idx="72">
                  <c:v>470</c:v>
                </c:pt>
                <c:pt idx="73">
                  <c:v>472</c:v>
                </c:pt>
                <c:pt idx="74">
                  <c:v>474</c:v>
                </c:pt>
                <c:pt idx="75">
                  <c:v>476</c:v>
                </c:pt>
                <c:pt idx="76">
                  <c:v>478</c:v>
                </c:pt>
                <c:pt idx="77">
                  <c:v>480</c:v>
                </c:pt>
                <c:pt idx="78">
                  <c:v>482</c:v>
                </c:pt>
                <c:pt idx="79">
                  <c:v>484</c:v>
                </c:pt>
                <c:pt idx="80">
                  <c:v>486</c:v>
                </c:pt>
                <c:pt idx="81">
                  <c:v>488</c:v>
                </c:pt>
                <c:pt idx="82">
                  <c:v>490</c:v>
                </c:pt>
                <c:pt idx="83">
                  <c:v>492</c:v>
                </c:pt>
                <c:pt idx="84">
                  <c:v>494</c:v>
                </c:pt>
                <c:pt idx="85">
                  <c:v>496</c:v>
                </c:pt>
                <c:pt idx="86">
                  <c:v>498</c:v>
                </c:pt>
                <c:pt idx="87">
                  <c:v>500</c:v>
                </c:pt>
                <c:pt idx="88">
                  <c:v>502</c:v>
                </c:pt>
                <c:pt idx="89">
                  <c:v>504</c:v>
                </c:pt>
                <c:pt idx="90">
                  <c:v>506</c:v>
                </c:pt>
                <c:pt idx="91">
                  <c:v>508</c:v>
                </c:pt>
                <c:pt idx="92">
                  <c:v>510</c:v>
                </c:pt>
                <c:pt idx="93">
                  <c:v>512</c:v>
                </c:pt>
                <c:pt idx="94">
                  <c:v>514</c:v>
                </c:pt>
                <c:pt idx="95">
                  <c:v>516</c:v>
                </c:pt>
                <c:pt idx="96">
                  <c:v>518</c:v>
                </c:pt>
                <c:pt idx="97">
                  <c:v>520</c:v>
                </c:pt>
                <c:pt idx="98">
                  <c:v>522</c:v>
                </c:pt>
                <c:pt idx="99">
                  <c:v>524</c:v>
                </c:pt>
                <c:pt idx="100">
                  <c:v>526</c:v>
                </c:pt>
                <c:pt idx="101">
                  <c:v>528</c:v>
                </c:pt>
                <c:pt idx="102">
                  <c:v>530</c:v>
                </c:pt>
                <c:pt idx="103">
                  <c:v>532</c:v>
                </c:pt>
                <c:pt idx="104">
                  <c:v>534</c:v>
                </c:pt>
                <c:pt idx="105">
                  <c:v>536</c:v>
                </c:pt>
                <c:pt idx="106">
                  <c:v>538</c:v>
                </c:pt>
                <c:pt idx="107">
                  <c:v>540</c:v>
                </c:pt>
                <c:pt idx="108">
                  <c:v>542</c:v>
                </c:pt>
                <c:pt idx="109">
                  <c:v>544</c:v>
                </c:pt>
                <c:pt idx="110">
                  <c:v>546</c:v>
                </c:pt>
                <c:pt idx="111">
                  <c:v>548</c:v>
                </c:pt>
                <c:pt idx="112">
                  <c:v>550</c:v>
                </c:pt>
                <c:pt idx="113">
                  <c:v>552</c:v>
                </c:pt>
                <c:pt idx="114">
                  <c:v>554</c:v>
                </c:pt>
                <c:pt idx="115">
                  <c:v>556</c:v>
                </c:pt>
                <c:pt idx="116">
                  <c:v>558</c:v>
                </c:pt>
                <c:pt idx="117">
                  <c:v>560</c:v>
                </c:pt>
                <c:pt idx="118">
                  <c:v>562</c:v>
                </c:pt>
                <c:pt idx="119">
                  <c:v>564</c:v>
                </c:pt>
                <c:pt idx="120">
                  <c:v>566</c:v>
                </c:pt>
                <c:pt idx="121">
                  <c:v>568</c:v>
                </c:pt>
                <c:pt idx="122">
                  <c:v>570</c:v>
                </c:pt>
                <c:pt idx="123">
                  <c:v>572</c:v>
                </c:pt>
                <c:pt idx="124">
                  <c:v>574</c:v>
                </c:pt>
                <c:pt idx="125">
                  <c:v>576</c:v>
                </c:pt>
                <c:pt idx="126">
                  <c:v>578</c:v>
                </c:pt>
                <c:pt idx="127">
                  <c:v>580</c:v>
                </c:pt>
                <c:pt idx="128">
                  <c:v>582</c:v>
                </c:pt>
                <c:pt idx="129">
                  <c:v>584</c:v>
                </c:pt>
                <c:pt idx="130">
                  <c:v>586</c:v>
                </c:pt>
                <c:pt idx="131">
                  <c:v>588</c:v>
                </c:pt>
                <c:pt idx="132">
                  <c:v>590</c:v>
                </c:pt>
                <c:pt idx="133">
                  <c:v>592</c:v>
                </c:pt>
                <c:pt idx="134">
                  <c:v>594</c:v>
                </c:pt>
                <c:pt idx="135">
                  <c:v>596</c:v>
                </c:pt>
                <c:pt idx="136">
                  <c:v>598</c:v>
                </c:pt>
                <c:pt idx="137">
                  <c:v>600</c:v>
                </c:pt>
                <c:pt idx="138">
                  <c:v>602</c:v>
                </c:pt>
                <c:pt idx="139">
                  <c:v>604</c:v>
                </c:pt>
                <c:pt idx="140">
                  <c:v>606</c:v>
                </c:pt>
                <c:pt idx="141">
                  <c:v>608</c:v>
                </c:pt>
                <c:pt idx="142">
                  <c:v>610</c:v>
                </c:pt>
                <c:pt idx="143">
                  <c:v>612</c:v>
                </c:pt>
                <c:pt idx="144">
                  <c:v>614</c:v>
                </c:pt>
                <c:pt idx="145">
                  <c:v>616</c:v>
                </c:pt>
                <c:pt idx="146">
                  <c:v>618</c:v>
                </c:pt>
                <c:pt idx="147">
                  <c:v>620</c:v>
                </c:pt>
                <c:pt idx="148">
                  <c:v>622</c:v>
                </c:pt>
                <c:pt idx="149">
                  <c:v>624</c:v>
                </c:pt>
                <c:pt idx="150">
                  <c:v>626</c:v>
                </c:pt>
                <c:pt idx="151">
                  <c:v>628</c:v>
                </c:pt>
                <c:pt idx="152">
                  <c:v>630</c:v>
                </c:pt>
                <c:pt idx="153">
                  <c:v>632</c:v>
                </c:pt>
                <c:pt idx="154">
                  <c:v>634</c:v>
                </c:pt>
                <c:pt idx="155">
                  <c:v>636</c:v>
                </c:pt>
                <c:pt idx="156">
                  <c:v>638</c:v>
                </c:pt>
                <c:pt idx="157">
                  <c:v>640</c:v>
                </c:pt>
                <c:pt idx="158">
                  <c:v>642</c:v>
                </c:pt>
                <c:pt idx="159">
                  <c:v>644</c:v>
                </c:pt>
                <c:pt idx="160">
                  <c:v>646</c:v>
                </c:pt>
                <c:pt idx="161">
                  <c:v>648</c:v>
                </c:pt>
                <c:pt idx="162">
                  <c:v>650</c:v>
                </c:pt>
                <c:pt idx="163">
                  <c:v>652</c:v>
                </c:pt>
                <c:pt idx="164">
                  <c:v>654</c:v>
                </c:pt>
                <c:pt idx="165">
                  <c:v>656</c:v>
                </c:pt>
                <c:pt idx="166">
                  <c:v>658</c:v>
                </c:pt>
                <c:pt idx="167">
                  <c:v>660</c:v>
                </c:pt>
                <c:pt idx="168">
                  <c:v>662</c:v>
                </c:pt>
                <c:pt idx="169">
                  <c:v>664</c:v>
                </c:pt>
                <c:pt idx="170">
                  <c:v>666</c:v>
                </c:pt>
                <c:pt idx="171">
                  <c:v>668</c:v>
                </c:pt>
                <c:pt idx="172">
                  <c:v>670</c:v>
                </c:pt>
                <c:pt idx="173">
                  <c:v>672</c:v>
                </c:pt>
                <c:pt idx="174">
                  <c:v>674</c:v>
                </c:pt>
                <c:pt idx="175">
                  <c:v>676</c:v>
                </c:pt>
                <c:pt idx="176">
                  <c:v>678</c:v>
                </c:pt>
                <c:pt idx="177">
                  <c:v>680</c:v>
                </c:pt>
                <c:pt idx="178">
                  <c:v>682</c:v>
                </c:pt>
                <c:pt idx="179">
                  <c:v>684</c:v>
                </c:pt>
                <c:pt idx="180">
                  <c:v>686</c:v>
                </c:pt>
                <c:pt idx="181">
                  <c:v>688</c:v>
                </c:pt>
                <c:pt idx="182">
                  <c:v>690</c:v>
                </c:pt>
                <c:pt idx="183">
                  <c:v>692</c:v>
                </c:pt>
                <c:pt idx="184">
                  <c:v>694</c:v>
                </c:pt>
                <c:pt idx="185">
                  <c:v>696</c:v>
                </c:pt>
                <c:pt idx="186">
                  <c:v>698</c:v>
                </c:pt>
                <c:pt idx="187">
                  <c:v>700</c:v>
                </c:pt>
                <c:pt idx="188">
                  <c:v>702</c:v>
                </c:pt>
                <c:pt idx="189">
                  <c:v>704</c:v>
                </c:pt>
                <c:pt idx="190">
                  <c:v>706</c:v>
                </c:pt>
                <c:pt idx="191">
                  <c:v>708</c:v>
                </c:pt>
                <c:pt idx="192">
                  <c:v>710</c:v>
                </c:pt>
                <c:pt idx="193">
                  <c:v>712</c:v>
                </c:pt>
                <c:pt idx="194">
                  <c:v>714</c:v>
                </c:pt>
                <c:pt idx="195">
                  <c:v>716</c:v>
                </c:pt>
                <c:pt idx="196">
                  <c:v>718</c:v>
                </c:pt>
                <c:pt idx="197">
                  <c:v>720</c:v>
                </c:pt>
                <c:pt idx="198">
                  <c:v>722</c:v>
                </c:pt>
                <c:pt idx="199">
                  <c:v>724</c:v>
                </c:pt>
                <c:pt idx="200">
                  <c:v>726</c:v>
                </c:pt>
                <c:pt idx="201">
                  <c:v>728</c:v>
                </c:pt>
                <c:pt idx="202">
                  <c:v>730</c:v>
                </c:pt>
                <c:pt idx="203">
                  <c:v>732</c:v>
                </c:pt>
                <c:pt idx="204">
                  <c:v>734</c:v>
                </c:pt>
                <c:pt idx="205">
                  <c:v>736</c:v>
                </c:pt>
                <c:pt idx="206">
                  <c:v>738</c:v>
                </c:pt>
                <c:pt idx="207">
                  <c:v>740</c:v>
                </c:pt>
                <c:pt idx="208">
                  <c:v>742</c:v>
                </c:pt>
                <c:pt idx="209">
                  <c:v>744</c:v>
                </c:pt>
                <c:pt idx="210">
                  <c:v>746</c:v>
                </c:pt>
                <c:pt idx="211">
                  <c:v>748</c:v>
                </c:pt>
                <c:pt idx="212">
                  <c:v>750</c:v>
                </c:pt>
                <c:pt idx="213">
                  <c:v>752</c:v>
                </c:pt>
                <c:pt idx="214">
                  <c:v>754</c:v>
                </c:pt>
                <c:pt idx="215">
                  <c:v>756</c:v>
                </c:pt>
                <c:pt idx="216">
                  <c:v>758</c:v>
                </c:pt>
                <c:pt idx="217">
                  <c:v>760</c:v>
                </c:pt>
                <c:pt idx="218">
                  <c:v>762</c:v>
                </c:pt>
                <c:pt idx="219">
                  <c:v>764</c:v>
                </c:pt>
                <c:pt idx="220">
                  <c:v>766</c:v>
                </c:pt>
                <c:pt idx="221">
                  <c:v>768</c:v>
                </c:pt>
                <c:pt idx="222">
                  <c:v>770</c:v>
                </c:pt>
                <c:pt idx="223">
                  <c:v>772</c:v>
                </c:pt>
                <c:pt idx="224">
                  <c:v>774</c:v>
                </c:pt>
                <c:pt idx="225">
                  <c:v>776</c:v>
                </c:pt>
                <c:pt idx="226">
                  <c:v>778</c:v>
                </c:pt>
                <c:pt idx="227">
                  <c:v>780</c:v>
                </c:pt>
                <c:pt idx="228">
                  <c:v>782</c:v>
                </c:pt>
                <c:pt idx="229">
                  <c:v>784</c:v>
                </c:pt>
                <c:pt idx="230">
                  <c:v>786</c:v>
                </c:pt>
                <c:pt idx="231">
                  <c:v>788</c:v>
                </c:pt>
                <c:pt idx="232">
                  <c:v>790</c:v>
                </c:pt>
                <c:pt idx="233">
                  <c:v>792</c:v>
                </c:pt>
                <c:pt idx="234">
                  <c:v>794</c:v>
                </c:pt>
                <c:pt idx="235">
                  <c:v>796</c:v>
                </c:pt>
                <c:pt idx="236">
                  <c:v>798</c:v>
                </c:pt>
                <c:pt idx="237">
                  <c:v>800</c:v>
                </c:pt>
                <c:pt idx="238">
                  <c:v>802</c:v>
                </c:pt>
                <c:pt idx="239">
                  <c:v>804</c:v>
                </c:pt>
                <c:pt idx="240">
                  <c:v>806</c:v>
                </c:pt>
                <c:pt idx="241">
                  <c:v>808</c:v>
                </c:pt>
                <c:pt idx="242">
                  <c:v>810</c:v>
                </c:pt>
                <c:pt idx="243">
                  <c:v>812</c:v>
                </c:pt>
                <c:pt idx="244">
                  <c:v>814</c:v>
                </c:pt>
                <c:pt idx="245">
                  <c:v>816</c:v>
                </c:pt>
                <c:pt idx="246">
                  <c:v>818</c:v>
                </c:pt>
                <c:pt idx="247">
                  <c:v>820</c:v>
                </c:pt>
                <c:pt idx="248">
                  <c:v>822</c:v>
                </c:pt>
                <c:pt idx="249">
                  <c:v>824</c:v>
                </c:pt>
                <c:pt idx="250">
                  <c:v>826</c:v>
                </c:pt>
                <c:pt idx="251">
                  <c:v>828</c:v>
                </c:pt>
                <c:pt idx="252">
                  <c:v>830</c:v>
                </c:pt>
                <c:pt idx="253">
                  <c:v>832</c:v>
                </c:pt>
                <c:pt idx="254">
                  <c:v>834</c:v>
                </c:pt>
                <c:pt idx="255">
                  <c:v>836</c:v>
                </c:pt>
                <c:pt idx="256">
                  <c:v>838</c:v>
                </c:pt>
                <c:pt idx="257">
                  <c:v>840</c:v>
                </c:pt>
                <c:pt idx="258">
                  <c:v>842</c:v>
                </c:pt>
                <c:pt idx="259">
                  <c:v>844</c:v>
                </c:pt>
                <c:pt idx="260">
                  <c:v>846</c:v>
                </c:pt>
                <c:pt idx="261">
                  <c:v>848</c:v>
                </c:pt>
                <c:pt idx="262">
                  <c:v>850</c:v>
                </c:pt>
                <c:pt idx="263">
                  <c:v>852</c:v>
                </c:pt>
                <c:pt idx="264">
                  <c:v>854</c:v>
                </c:pt>
                <c:pt idx="265">
                  <c:v>856</c:v>
                </c:pt>
                <c:pt idx="266">
                  <c:v>858</c:v>
                </c:pt>
                <c:pt idx="267">
                  <c:v>860</c:v>
                </c:pt>
                <c:pt idx="268">
                  <c:v>862</c:v>
                </c:pt>
                <c:pt idx="269">
                  <c:v>864</c:v>
                </c:pt>
                <c:pt idx="270">
                  <c:v>866</c:v>
                </c:pt>
                <c:pt idx="271">
                  <c:v>868</c:v>
                </c:pt>
                <c:pt idx="272">
                  <c:v>870</c:v>
                </c:pt>
                <c:pt idx="273">
                  <c:v>872</c:v>
                </c:pt>
                <c:pt idx="274">
                  <c:v>874</c:v>
                </c:pt>
                <c:pt idx="275">
                  <c:v>876</c:v>
                </c:pt>
                <c:pt idx="276">
                  <c:v>878</c:v>
                </c:pt>
                <c:pt idx="277">
                  <c:v>880</c:v>
                </c:pt>
                <c:pt idx="278">
                  <c:v>882</c:v>
                </c:pt>
                <c:pt idx="279">
                  <c:v>884</c:v>
                </c:pt>
                <c:pt idx="280">
                  <c:v>886</c:v>
                </c:pt>
                <c:pt idx="281">
                  <c:v>888</c:v>
                </c:pt>
                <c:pt idx="282">
                  <c:v>890</c:v>
                </c:pt>
                <c:pt idx="283">
                  <c:v>892</c:v>
                </c:pt>
                <c:pt idx="284">
                  <c:v>894</c:v>
                </c:pt>
                <c:pt idx="285">
                  <c:v>896</c:v>
                </c:pt>
                <c:pt idx="286">
                  <c:v>898</c:v>
                </c:pt>
                <c:pt idx="287">
                  <c:v>900</c:v>
                </c:pt>
                <c:pt idx="288">
                  <c:v>902</c:v>
                </c:pt>
                <c:pt idx="289">
                  <c:v>904</c:v>
                </c:pt>
                <c:pt idx="290">
                  <c:v>906</c:v>
                </c:pt>
                <c:pt idx="291">
                  <c:v>908</c:v>
                </c:pt>
                <c:pt idx="292">
                  <c:v>910</c:v>
                </c:pt>
                <c:pt idx="293">
                  <c:v>912</c:v>
                </c:pt>
                <c:pt idx="294">
                  <c:v>914</c:v>
                </c:pt>
                <c:pt idx="295">
                  <c:v>916</c:v>
                </c:pt>
                <c:pt idx="296">
                  <c:v>918</c:v>
                </c:pt>
                <c:pt idx="297">
                  <c:v>920</c:v>
                </c:pt>
                <c:pt idx="298">
                  <c:v>922</c:v>
                </c:pt>
                <c:pt idx="299">
                  <c:v>924</c:v>
                </c:pt>
                <c:pt idx="300">
                  <c:v>926</c:v>
                </c:pt>
                <c:pt idx="301">
                  <c:v>928</c:v>
                </c:pt>
                <c:pt idx="302">
                  <c:v>930</c:v>
                </c:pt>
                <c:pt idx="303">
                  <c:v>932</c:v>
                </c:pt>
                <c:pt idx="304">
                  <c:v>934</c:v>
                </c:pt>
                <c:pt idx="305">
                  <c:v>936</c:v>
                </c:pt>
                <c:pt idx="306">
                  <c:v>938</c:v>
                </c:pt>
                <c:pt idx="307">
                  <c:v>940</c:v>
                </c:pt>
                <c:pt idx="308">
                  <c:v>942</c:v>
                </c:pt>
                <c:pt idx="309">
                  <c:v>944</c:v>
                </c:pt>
                <c:pt idx="310">
                  <c:v>946</c:v>
                </c:pt>
                <c:pt idx="311">
                  <c:v>948</c:v>
                </c:pt>
                <c:pt idx="312">
                  <c:v>950</c:v>
                </c:pt>
                <c:pt idx="313">
                  <c:v>952</c:v>
                </c:pt>
                <c:pt idx="314">
                  <c:v>954</c:v>
                </c:pt>
                <c:pt idx="315">
                  <c:v>956</c:v>
                </c:pt>
                <c:pt idx="316">
                  <c:v>958</c:v>
                </c:pt>
                <c:pt idx="317">
                  <c:v>960</c:v>
                </c:pt>
                <c:pt idx="318">
                  <c:v>962</c:v>
                </c:pt>
                <c:pt idx="319">
                  <c:v>964</c:v>
                </c:pt>
                <c:pt idx="320">
                  <c:v>966</c:v>
                </c:pt>
                <c:pt idx="321">
                  <c:v>968</c:v>
                </c:pt>
                <c:pt idx="322">
                  <c:v>970</c:v>
                </c:pt>
                <c:pt idx="323">
                  <c:v>972</c:v>
                </c:pt>
                <c:pt idx="324">
                  <c:v>974</c:v>
                </c:pt>
                <c:pt idx="325">
                  <c:v>976</c:v>
                </c:pt>
                <c:pt idx="326">
                  <c:v>978</c:v>
                </c:pt>
                <c:pt idx="327">
                  <c:v>980</c:v>
                </c:pt>
                <c:pt idx="328">
                  <c:v>982</c:v>
                </c:pt>
                <c:pt idx="329">
                  <c:v>984</c:v>
                </c:pt>
                <c:pt idx="330">
                  <c:v>986</c:v>
                </c:pt>
                <c:pt idx="331">
                  <c:v>988</c:v>
                </c:pt>
                <c:pt idx="332">
                  <c:v>990</c:v>
                </c:pt>
                <c:pt idx="333">
                  <c:v>992</c:v>
                </c:pt>
                <c:pt idx="334">
                  <c:v>994</c:v>
                </c:pt>
                <c:pt idx="335">
                  <c:v>996</c:v>
                </c:pt>
                <c:pt idx="336">
                  <c:v>998</c:v>
                </c:pt>
                <c:pt idx="337">
                  <c:v>1000</c:v>
                </c:pt>
                <c:pt idx="338">
                  <c:v>1002</c:v>
                </c:pt>
                <c:pt idx="339">
                  <c:v>1004</c:v>
                </c:pt>
                <c:pt idx="340">
                  <c:v>1006</c:v>
                </c:pt>
                <c:pt idx="341">
                  <c:v>1008</c:v>
                </c:pt>
                <c:pt idx="342">
                  <c:v>1010</c:v>
                </c:pt>
                <c:pt idx="343">
                  <c:v>1012</c:v>
                </c:pt>
                <c:pt idx="344">
                  <c:v>1014</c:v>
                </c:pt>
                <c:pt idx="345">
                  <c:v>1016</c:v>
                </c:pt>
                <c:pt idx="346">
                  <c:v>1018</c:v>
                </c:pt>
                <c:pt idx="347">
                  <c:v>1020</c:v>
                </c:pt>
                <c:pt idx="348">
                  <c:v>1022</c:v>
                </c:pt>
                <c:pt idx="349">
                  <c:v>1024</c:v>
                </c:pt>
                <c:pt idx="350">
                  <c:v>1026</c:v>
                </c:pt>
                <c:pt idx="351">
                  <c:v>1028</c:v>
                </c:pt>
                <c:pt idx="352">
                  <c:v>1030</c:v>
                </c:pt>
                <c:pt idx="353">
                  <c:v>1032</c:v>
                </c:pt>
                <c:pt idx="354">
                  <c:v>1034</c:v>
                </c:pt>
                <c:pt idx="355">
                  <c:v>1036</c:v>
                </c:pt>
                <c:pt idx="356">
                  <c:v>1038</c:v>
                </c:pt>
                <c:pt idx="357">
                  <c:v>1040</c:v>
                </c:pt>
                <c:pt idx="358">
                  <c:v>1042</c:v>
                </c:pt>
                <c:pt idx="359">
                  <c:v>1044</c:v>
                </c:pt>
                <c:pt idx="360">
                  <c:v>1046</c:v>
                </c:pt>
                <c:pt idx="361">
                  <c:v>1048</c:v>
                </c:pt>
                <c:pt idx="362">
                  <c:v>1050</c:v>
                </c:pt>
                <c:pt idx="363">
                  <c:v>1052</c:v>
                </c:pt>
                <c:pt idx="364">
                  <c:v>1054</c:v>
                </c:pt>
                <c:pt idx="365">
                  <c:v>1056</c:v>
                </c:pt>
                <c:pt idx="366">
                  <c:v>1058</c:v>
                </c:pt>
                <c:pt idx="367">
                  <c:v>1060</c:v>
                </c:pt>
                <c:pt idx="368">
                  <c:v>1062</c:v>
                </c:pt>
                <c:pt idx="369">
                  <c:v>1064</c:v>
                </c:pt>
                <c:pt idx="370">
                  <c:v>1066</c:v>
                </c:pt>
                <c:pt idx="371">
                  <c:v>1068</c:v>
                </c:pt>
                <c:pt idx="372">
                  <c:v>1070</c:v>
                </c:pt>
                <c:pt idx="373">
                  <c:v>1072</c:v>
                </c:pt>
                <c:pt idx="374">
                  <c:v>1074</c:v>
                </c:pt>
                <c:pt idx="375">
                  <c:v>1076</c:v>
                </c:pt>
                <c:pt idx="376">
                  <c:v>1078</c:v>
                </c:pt>
                <c:pt idx="377">
                  <c:v>1080</c:v>
                </c:pt>
                <c:pt idx="378">
                  <c:v>1082</c:v>
                </c:pt>
                <c:pt idx="379">
                  <c:v>1084</c:v>
                </c:pt>
                <c:pt idx="380">
                  <c:v>1086</c:v>
                </c:pt>
                <c:pt idx="381">
                  <c:v>1088</c:v>
                </c:pt>
                <c:pt idx="382">
                  <c:v>1090</c:v>
                </c:pt>
                <c:pt idx="383">
                  <c:v>1092</c:v>
                </c:pt>
                <c:pt idx="384">
                  <c:v>1094</c:v>
                </c:pt>
                <c:pt idx="385">
                  <c:v>1096</c:v>
                </c:pt>
                <c:pt idx="386">
                  <c:v>1098</c:v>
                </c:pt>
                <c:pt idx="387">
                  <c:v>1100</c:v>
                </c:pt>
                <c:pt idx="388">
                  <c:v>1102</c:v>
                </c:pt>
                <c:pt idx="389">
                  <c:v>1104</c:v>
                </c:pt>
                <c:pt idx="390">
                  <c:v>1106</c:v>
                </c:pt>
                <c:pt idx="391">
                  <c:v>1108</c:v>
                </c:pt>
                <c:pt idx="392">
                  <c:v>1110</c:v>
                </c:pt>
                <c:pt idx="393">
                  <c:v>1112</c:v>
                </c:pt>
                <c:pt idx="394">
                  <c:v>1114</c:v>
                </c:pt>
                <c:pt idx="395">
                  <c:v>1116</c:v>
                </c:pt>
                <c:pt idx="396">
                  <c:v>1118</c:v>
                </c:pt>
                <c:pt idx="397">
                  <c:v>1120</c:v>
                </c:pt>
                <c:pt idx="398">
                  <c:v>1122</c:v>
                </c:pt>
                <c:pt idx="399">
                  <c:v>1124</c:v>
                </c:pt>
                <c:pt idx="400">
                  <c:v>1126</c:v>
                </c:pt>
                <c:pt idx="401">
                  <c:v>1128</c:v>
                </c:pt>
                <c:pt idx="402">
                  <c:v>1130</c:v>
                </c:pt>
                <c:pt idx="403">
                  <c:v>1132</c:v>
                </c:pt>
                <c:pt idx="404">
                  <c:v>1134</c:v>
                </c:pt>
                <c:pt idx="405">
                  <c:v>1136</c:v>
                </c:pt>
                <c:pt idx="406">
                  <c:v>1138</c:v>
                </c:pt>
                <c:pt idx="407">
                  <c:v>1140</c:v>
                </c:pt>
                <c:pt idx="408">
                  <c:v>1142</c:v>
                </c:pt>
                <c:pt idx="409">
                  <c:v>1144</c:v>
                </c:pt>
                <c:pt idx="410">
                  <c:v>1146</c:v>
                </c:pt>
                <c:pt idx="411">
                  <c:v>1148</c:v>
                </c:pt>
                <c:pt idx="412">
                  <c:v>1150</c:v>
                </c:pt>
                <c:pt idx="413">
                  <c:v>1152</c:v>
                </c:pt>
                <c:pt idx="414">
                  <c:v>1154</c:v>
                </c:pt>
                <c:pt idx="415">
                  <c:v>1156</c:v>
                </c:pt>
                <c:pt idx="416">
                  <c:v>1158</c:v>
                </c:pt>
                <c:pt idx="417">
                  <c:v>1160</c:v>
                </c:pt>
                <c:pt idx="418">
                  <c:v>1162</c:v>
                </c:pt>
                <c:pt idx="419">
                  <c:v>1164</c:v>
                </c:pt>
                <c:pt idx="420">
                  <c:v>1166</c:v>
                </c:pt>
                <c:pt idx="421">
                  <c:v>1168</c:v>
                </c:pt>
                <c:pt idx="422">
                  <c:v>1170</c:v>
                </c:pt>
                <c:pt idx="423">
                  <c:v>1172</c:v>
                </c:pt>
                <c:pt idx="424">
                  <c:v>1174</c:v>
                </c:pt>
                <c:pt idx="425">
                  <c:v>1176</c:v>
                </c:pt>
                <c:pt idx="426">
                  <c:v>1178</c:v>
                </c:pt>
                <c:pt idx="427">
                  <c:v>1180</c:v>
                </c:pt>
                <c:pt idx="428">
                  <c:v>1182</c:v>
                </c:pt>
                <c:pt idx="429">
                  <c:v>1184</c:v>
                </c:pt>
                <c:pt idx="430">
                  <c:v>1186</c:v>
                </c:pt>
                <c:pt idx="431">
                  <c:v>1188</c:v>
                </c:pt>
                <c:pt idx="432">
                  <c:v>1190</c:v>
                </c:pt>
                <c:pt idx="433">
                  <c:v>1192</c:v>
                </c:pt>
                <c:pt idx="434">
                  <c:v>1194</c:v>
                </c:pt>
                <c:pt idx="435">
                  <c:v>1196</c:v>
                </c:pt>
                <c:pt idx="436">
                  <c:v>1198</c:v>
                </c:pt>
                <c:pt idx="437">
                  <c:v>1200</c:v>
                </c:pt>
                <c:pt idx="438">
                  <c:v>1202</c:v>
                </c:pt>
                <c:pt idx="439">
                  <c:v>1204</c:v>
                </c:pt>
                <c:pt idx="440">
                  <c:v>1206</c:v>
                </c:pt>
                <c:pt idx="441">
                  <c:v>1208</c:v>
                </c:pt>
                <c:pt idx="442">
                  <c:v>1210</c:v>
                </c:pt>
                <c:pt idx="443">
                  <c:v>1212</c:v>
                </c:pt>
                <c:pt idx="444">
                  <c:v>1214</c:v>
                </c:pt>
                <c:pt idx="445">
                  <c:v>1216</c:v>
                </c:pt>
                <c:pt idx="446">
                  <c:v>1218</c:v>
                </c:pt>
                <c:pt idx="447">
                  <c:v>1220</c:v>
                </c:pt>
                <c:pt idx="448">
                  <c:v>1222</c:v>
                </c:pt>
                <c:pt idx="449">
                  <c:v>1224</c:v>
                </c:pt>
                <c:pt idx="450">
                  <c:v>1226</c:v>
                </c:pt>
                <c:pt idx="451">
                  <c:v>1228</c:v>
                </c:pt>
                <c:pt idx="452">
                  <c:v>1230</c:v>
                </c:pt>
                <c:pt idx="453">
                  <c:v>1232</c:v>
                </c:pt>
                <c:pt idx="454">
                  <c:v>1234</c:v>
                </c:pt>
                <c:pt idx="455">
                  <c:v>1236</c:v>
                </c:pt>
                <c:pt idx="456">
                  <c:v>1238</c:v>
                </c:pt>
                <c:pt idx="457">
                  <c:v>1240</c:v>
                </c:pt>
                <c:pt idx="458">
                  <c:v>1242</c:v>
                </c:pt>
                <c:pt idx="459">
                  <c:v>1244</c:v>
                </c:pt>
                <c:pt idx="460">
                  <c:v>1246</c:v>
                </c:pt>
                <c:pt idx="461">
                  <c:v>1248</c:v>
                </c:pt>
                <c:pt idx="462">
                  <c:v>1250</c:v>
                </c:pt>
                <c:pt idx="463">
                  <c:v>1252</c:v>
                </c:pt>
                <c:pt idx="464">
                  <c:v>1254</c:v>
                </c:pt>
                <c:pt idx="465">
                  <c:v>1256</c:v>
                </c:pt>
                <c:pt idx="466">
                  <c:v>1258</c:v>
                </c:pt>
                <c:pt idx="467">
                  <c:v>1260</c:v>
                </c:pt>
                <c:pt idx="468">
                  <c:v>1262</c:v>
                </c:pt>
                <c:pt idx="469">
                  <c:v>1264</c:v>
                </c:pt>
                <c:pt idx="470">
                  <c:v>1266</c:v>
                </c:pt>
                <c:pt idx="471">
                  <c:v>1268</c:v>
                </c:pt>
                <c:pt idx="472">
                  <c:v>1270</c:v>
                </c:pt>
                <c:pt idx="473">
                  <c:v>1272</c:v>
                </c:pt>
                <c:pt idx="474">
                  <c:v>1274</c:v>
                </c:pt>
                <c:pt idx="475">
                  <c:v>1276</c:v>
                </c:pt>
                <c:pt idx="476">
                  <c:v>1278</c:v>
                </c:pt>
                <c:pt idx="477">
                  <c:v>1280</c:v>
                </c:pt>
                <c:pt idx="478">
                  <c:v>1282</c:v>
                </c:pt>
                <c:pt idx="479">
                  <c:v>1284</c:v>
                </c:pt>
                <c:pt idx="480">
                  <c:v>1286</c:v>
                </c:pt>
                <c:pt idx="481">
                  <c:v>1288</c:v>
                </c:pt>
                <c:pt idx="482">
                  <c:v>1290</c:v>
                </c:pt>
                <c:pt idx="483">
                  <c:v>1292</c:v>
                </c:pt>
                <c:pt idx="484">
                  <c:v>1294</c:v>
                </c:pt>
                <c:pt idx="485">
                  <c:v>1296</c:v>
                </c:pt>
                <c:pt idx="486">
                  <c:v>1298</c:v>
                </c:pt>
                <c:pt idx="487">
                  <c:v>1300</c:v>
                </c:pt>
                <c:pt idx="488">
                  <c:v>1302</c:v>
                </c:pt>
                <c:pt idx="489">
                  <c:v>1304</c:v>
                </c:pt>
                <c:pt idx="490">
                  <c:v>1306</c:v>
                </c:pt>
                <c:pt idx="491">
                  <c:v>1308</c:v>
                </c:pt>
                <c:pt idx="492">
                  <c:v>1310</c:v>
                </c:pt>
                <c:pt idx="493">
                  <c:v>1312</c:v>
                </c:pt>
                <c:pt idx="494">
                  <c:v>1314</c:v>
                </c:pt>
                <c:pt idx="495">
                  <c:v>1316</c:v>
                </c:pt>
                <c:pt idx="496">
                  <c:v>1318</c:v>
                </c:pt>
                <c:pt idx="497">
                  <c:v>1320</c:v>
                </c:pt>
                <c:pt idx="498">
                  <c:v>1322</c:v>
                </c:pt>
                <c:pt idx="499">
                  <c:v>1324</c:v>
                </c:pt>
                <c:pt idx="500">
                  <c:v>1326</c:v>
                </c:pt>
                <c:pt idx="501">
                  <c:v>1328</c:v>
                </c:pt>
                <c:pt idx="502">
                  <c:v>1330</c:v>
                </c:pt>
                <c:pt idx="503">
                  <c:v>1332</c:v>
                </c:pt>
                <c:pt idx="504">
                  <c:v>1334</c:v>
                </c:pt>
                <c:pt idx="505">
                  <c:v>1336</c:v>
                </c:pt>
                <c:pt idx="506">
                  <c:v>1338</c:v>
                </c:pt>
                <c:pt idx="507">
                  <c:v>1340</c:v>
                </c:pt>
                <c:pt idx="508">
                  <c:v>1342</c:v>
                </c:pt>
                <c:pt idx="509">
                  <c:v>1344</c:v>
                </c:pt>
                <c:pt idx="510">
                  <c:v>1346</c:v>
                </c:pt>
                <c:pt idx="511">
                  <c:v>1348</c:v>
                </c:pt>
                <c:pt idx="512">
                  <c:v>1350</c:v>
                </c:pt>
                <c:pt idx="513">
                  <c:v>1352</c:v>
                </c:pt>
                <c:pt idx="514">
                  <c:v>1354</c:v>
                </c:pt>
                <c:pt idx="515">
                  <c:v>1356</c:v>
                </c:pt>
                <c:pt idx="516">
                  <c:v>1358</c:v>
                </c:pt>
                <c:pt idx="517">
                  <c:v>1360</c:v>
                </c:pt>
                <c:pt idx="518">
                  <c:v>1362</c:v>
                </c:pt>
                <c:pt idx="519">
                  <c:v>1364</c:v>
                </c:pt>
                <c:pt idx="520">
                  <c:v>1366</c:v>
                </c:pt>
                <c:pt idx="521">
                  <c:v>1368</c:v>
                </c:pt>
                <c:pt idx="522">
                  <c:v>1370</c:v>
                </c:pt>
                <c:pt idx="523">
                  <c:v>1372</c:v>
                </c:pt>
                <c:pt idx="524">
                  <c:v>1374</c:v>
                </c:pt>
                <c:pt idx="525">
                  <c:v>1376</c:v>
                </c:pt>
                <c:pt idx="526">
                  <c:v>1378</c:v>
                </c:pt>
                <c:pt idx="527">
                  <c:v>1380</c:v>
                </c:pt>
                <c:pt idx="528">
                  <c:v>1382</c:v>
                </c:pt>
                <c:pt idx="529">
                  <c:v>1384</c:v>
                </c:pt>
                <c:pt idx="530">
                  <c:v>1386</c:v>
                </c:pt>
                <c:pt idx="531">
                  <c:v>1388</c:v>
                </c:pt>
                <c:pt idx="532">
                  <c:v>1390</c:v>
                </c:pt>
                <c:pt idx="533">
                  <c:v>1392</c:v>
                </c:pt>
                <c:pt idx="534">
                  <c:v>1394</c:v>
                </c:pt>
                <c:pt idx="535">
                  <c:v>1396</c:v>
                </c:pt>
                <c:pt idx="536">
                  <c:v>1398</c:v>
                </c:pt>
                <c:pt idx="537">
                  <c:v>1400</c:v>
                </c:pt>
                <c:pt idx="538">
                  <c:v>1402</c:v>
                </c:pt>
                <c:pt idx="539">
                  <c:v>1404</c:v>
                </c:pt>
                <c:pt idx="540">
                  <c:v>1406</c:v>
                </c:pt>
                <c:pt idx="541">
                  <c:v>1408</c:v>
                </c:pt>
                <c:pt idx="542">
                  <c:v>1410</c:v>
                </c:pt>
                <c:pt idx="543">
                  <c:v>1412</c:v>
                </c:pt>
                <c:pt idx="544">
                  <c:v>1414</c:v>
                </c:pt>
                <c:pt idx="545">
                  <c:v>1416</c:v>
                </c:pt>
                <c:pt idx="546">
                  <c:v>1418</c:v>
                </c:pt>
                <c:pt idx="547">
                  <c:v>1420</c:v>
                </c:pt>
                <c:pt idx="548">
                  <c:v>1422</c:v>
                </c:pt>
                <c:pt idx="549">
                  <c:v>1424</c:v>
                </c:pt>
                <c:pt idx="550">
                  <c:v>1426</c:v>
                </c:pt>
                <c:pt idx="551">
                  <c:v>1428</c:v>
                </c:pt>
                <c:pt idx="552">
                  <c:v>1430</c:v>
                </c:pt>
                <c:pt idx="553">
                  <c:v>1432</c:v>
                </c:pt>
                <c:pt idx="554">
                  <c:v>1434</c:v>
                </c:pt>
                <c:pt idx="555">
                  <c:v>1436</c:v>
                </c:pt>
                <c:pt idx="556">
                  <c:v>1438</c:v>
                </c:pt>
                <c:pt idx="557">
                  <c:v>1440</c:v>
                </c:pt>
                <c:pt idx="558">
                  <c:v>1442</c:v>
                </c:pt>
                <c:pt idx="559">
                  <c:v>1444</c:v>
                </c:pt>
                <c:pt idx="560">
                  <c:v>1446</c:v>
                </c:pt>
                <c:pt idx="561">
                  <c:v>1448</c:v>
                </c:pt>
                <c:pt idx="562">
                  <c:v>1450</c:v>
                </c:pt>
                <c:pt idx="563">
                  <c:v>1452</c:v>
                </c:pt>
                <c:pt idx="564">
                  <c:v>1454</c:v>
                </c:pt>
                <c:pt idx="565">
                  <c:v>1456</c:v>
                </c:pt>
                <c:pt idx="566">
                  <c:v>1458</c:v>
                </c:pt>
                <c:pt idx="567">
                  <c:v>1460</c:v>
                </c:pt>
                <c:pt idx="568">
                  <c:v>1462</c:v>
                </c:pt>
                <c:pt idx="569">
                  <c:v>1464</c:v>
                </c:pt>
                <c:pt idx="570">
                  <c:v>1466</c:v>
                </c:pt>
                <c:pt idx="571">
                  <c:v>1468</c:v>
                </c:pt>
                <c:pt idx="572">
                  <c:v>1470</c:v>
                </c:pt>
                <c:pt idx="573">
                  <c:v>1472</c:v>
                </c:pt>
                <c:pt idx="574">
                  <c:v>1474</c:v>
                </c:pt>
                <c:pt idx="575">
                  <c:v>1476</c:v>
                </c:pt>
                <c:pt idx="576">
                  <c:v>1478</c:v>
                </c:pt>
                <c:pt idx="577">
                  <c:v>1480</c:v>
                </c:pt>
                <c:pt idx="578">
                  <c:v>1482</c:v>
                </c:pt>
                <c:pt idx="579">
                  <c:v>1484</c:v>
                </c:pt>
                <c:pt idx="580">
                  <c:v>1486</c:v>
                </c:pt>
                <c:pt idx="581">
                  <c:v>1488</c:v>
                </c:pt>
                <c:pt idx="582">
                  <c:v>1490</c:v>
                </c:pt>
                <c:pt idx="583">
                  <c:v>1492</c:v>
                </c:pt>
                <c:pt idx="584">
                  <c:v>1494</c:v>
                </c:pt>
                <c:pt idx="585">
                  <c:v>1496</c:v>
                </c:pt>
                <c:pt idx="586">
                  <c:v>1498</c:v>
                </c:pt>
                <c:pt idx="587">
                  <c:v>1500</c:v>
                </c:pt>
                <c:pt idx="588">
                  <c:v>1502</c:v>
                </c:pt>
                <c:pt idx="589">
                  <c:v>1504</c:v>
                </c:pt>
                <c:pt idx="590">
                  <c:v>1506</c:v>
                </c:pt>
                <c:pt idx="591">
                  <c:v>1508</c:v>
                </c:pt>
                <c:pt idx="592">
                  <c:v>1510</c:v>
                </c:pt>
                <c:pt idx="593">
                  <c:v>1512</c:v>
                </c:pt>
                <c:pt idx="594">
                  <c:v>1514</c:v>
                </c:pt>
                <c:pt idx="595">
                  <c:v>1516</c:v>
                </c:pt>
                <c:pt idx="596">
                  <c:v>1518</c:v>
                </c:pt>
                <c:pt idx="597">
                  <c:v>1520</c:v>
                </c:pt>
                <c:pt idx="598">
                  <c:v>1522</c:v>
                </c:pt>
                <c:pt idx="599">
                  <c:v>1524</c:v>
                </c:pt>
                <c:pt idx="600">
                  <c:v>1526</c:v>
                </c:pt>
                <c:pt idx="601">
                  <c:v>1528</c:v>
                </c:pt>
                <c:pt idx="602">
                  <c:v>1530</c:v>
                </c:pt>
                <c:pt idx="603">
                  <c:v>1532</c:v>
                </c:pt>
                <c:pt idx="604">
                  <c:v>1534</c:v>
                </c:pt>
                <c:pt idx="605">
                  <c:v>1536</c:v>
                </c:pt>
                <c:pt idx="606">
                  <c:v>1538</c:v>
                </c:pt>
                <c:pt idx="607">
                  <c:v>1540</c:v>
                </c:pt>
                <c:pt idx="608">
                  <c:v>1542</c:v>
                </c:pt>
                <c:pt idx="609">
                  <c:v>1544</c:v>
                </c:pt>
                <c:pt idx="610">
                  <c:v>1546</c:v>
                </c:pt>
                <c:pt idx="611">
                  <c:v>1548</c:v>
                </c:pt>
                <c:pt idx="612">
                  <c:v>1550</c:v>
                </c:pt>
                <c:pt idx="613">
                  <c:v>1552</c:v>
                </c:pt>
                <c:pt idx="614">
                  <c:v>1554</c:v>
                </c:pt>
                <c:pt idx="615">
                  <c:v>1556</c:v>
                </c:pt>
                <c:pt idx="616">
                  <c:v>1558</c:v>
                </c:pt>
                <c:pt idx="617">
                  <c:v>1560</c:v>
                </c:pt>
                <c:pt idx="618">
                  <c:v>1562</c:v>
                </c:pt>
                <c:pt idx="619">
                  <c:v>1564</c:v>
                </c:pt>
                <c:pt idx="620">
                  <c:v>1566</c:v>
                </c:pt>
                <c:pt idx="621">
                  <c:v>1568</c:v>
                </c:pt>
                <c:pt idx="622">
                  <c:v>1570</c:v>
                </c:pt>
                <c:pt idx="623">
                  <c:v>1572</c:v>
                </c:pt>
                <c:pt idx="624">
                  <c:v>1574</c:v>
                </c:pt>
                <c:pt idx="625">
                  <c:v>1576</c:v>
                </c:pt>
                <c:pt idx="626">
                  <c:v>1578</c:v>
                </c:pt>
                <c:pt idx="627">
                  <c:v>1580</c:v>
                </c:pt>
                <c:pt idx="628">
                  <c:v>1582</c:v>
                </c:pt>
                <c:pt idx="629">
                  <c:v>1584</c:v>
                </c:pt>
                <c:pt idx="630">
                  <c:v>1586</c:v>
                </c:pt>
                <c:pt idx="631">
                  <c:v>1588</c:v>
                </c:pt>
                <c:pt idx="632">
                  <c:v>1590</c:v>
                </c:pt>
                <c:pt idx="633">
                  <c:v>1592</c:v>
                </c:pt>
                <c:pt idx="634">
                  <c:v>1594</c:v>
                </c:pt>
                <c:pt idx="635">
                  <c:v>1596</c:v>
                </c:pt>
                <c:pt idx="636">
                  <c:v>1598</c:v>
                </c:pt>
                <c:pt idx="637">
                  <c:v>1600</c:v>
                </c:pt>
                <c:pt idx="638">
                  <c:v>1602</c:v>
                </c:pt>
                <c:pt idx="639">
                  <c:v>1604</c:v>
                </c:pt>
                <c:pt idx="640">
                  <c:v>1606</c:v>
                </c:pt>
                <c:pt idx="641">
                  <c:v>1608</c:v>
                </c:pt>
                <c:pt idx="642">
                  <c:v>1610</c:v>
                </c:pt>
                <c:pt idx="643">
                  <c:v>1612</c:v>
                </c:pt>
                <c:pt idx="644">
                  <c:v>1614</c:v>
                </c:pt>
                <c:pt idx="645">
                  <c:v>1616</c:v>
                </c:pt>
                <c:pt idx="646">
                  <c:v>1618</c:v>
                </c:pt>
                <c:pt idx="647">
                  <c:v>1620</c:v>
                </c:pt>
                <c:pt idx="648">
                  <c:v>1622</c:v>
                </c:pt>
                <c:pt idx="649">
                  <c:v>1624</c:v>
                </c:pt>
                <c:pt idx="650">
                  <c:v>1626</c:v>
                </c:pt>
                <c:pt idx="651">
                  <c:v>1628</c:v>
                </c:pt>
                <c:pt idx="652">
                  <c:v>1630</c:v>
                </c:pt>
                <c:pt idx="653">
                  <c:v>1632</c:v>
                </c:pt>
                <c:pt idx="654">
                  <c:v>1634</c:v>
                </c:pt>
                <c:pt idx="655">
                  <c:v>1636</c:v>
                </c:pt>
                <c:pt idx="656">
                  <c:v>1638</c:v>
                </c:pt>
                <c:pt idx="657">
                  <c:v>1640</c:v>
                </c:pt>
                <c:pt idx="658">
                  <c:v>1642</c:v>
                </c:pt>
                <c:pt idx="659">
                  <c:v>1644</c:v>
                </c:pt>
                <c:pt idx="660">
                  <c:v>1646</c:v>
                </c:pt>
                <c:pt idx="661">
                  <c:v>1648</c:v>
                </c:pt>
                <c:pt idx="662">
                  <c:v>1650</c:v>
                </c:pt>
                <c:pt idx="663">
                  <c:v>1652</c:v>
                </c:pt>
                <c:pt idx="664">
                  <c:v>1654</c:v>
                </c:pt>
                <c:pt idx="665">
                  <c:v>1656</c:v>
                </c:pt>
                <c:pt idx="666">
                  <c:v>1658</c:v>
                </c:pt>
                <c:pt idx="667">
                  <c:v>1660</c:v>
                </c:pt>
                <c:pt idx="668">
                  <c:v>1662</c:v>
                </c:pt>
                <c:pt idx="669">
                  <c:v>1664</c:v>
                </c:pt>
                <c:pt idx="670">
                  <c:v>1666</c:v>
                </c:pt>
                <c:pt idx="671">
                  <c:v>1668</c:v>
                </c:pt>
                <c:pt idx="672">
                  <c:v>1670</c:v>
                </c:pt>
                <c:pt idx="673">
                  <c:v>1672</c:v>
                </c:pt>
                <c:pt idx="674">
                  <c:v>1674</c:v>
                </c:pt>
                <c:pt idx="675">
                  <c:v>1676</c:v>
                </c:pt>
                <c:pt idx="676">
                  <c:v>1678</c:v>
                </c:pt>
                <c:pt idx="677">
                  <c:v>1680</c:v>
                </c:pt>
                <c:pt idx="678">
                  <c:v>1682</c:v>
                </c:pt>
                <c:pt idx="679">
                  <c:v>1684</c:v>
                </c:pt>
                <c:pt idx="680">
                  <c:v>1686</c:v>
                </c:pt>
                <c:pt idx="681">
                  <c:v>1688</c:v>
                </c:pt>
                <c:pt idx="682">
                  <c:v>1690</c:v>
                </c:pt>
                <c:pt idx="683">
                  <c:v>1692</c:v>
                </c:pt>
                <c:pt idx="684">
                  <c:v>1694</c:v>
                </c:pt>
                <c:pt idx="685">
                  <c:v>1696</c:v>
                </c:pt>
                <c:pt idx="686">
                  <c:v>1698</c:v>
                </c:pt>
                <c:pt idx="687">
                  <c:v>1700</c:v>
                </c:pt>
                <c:pt idx="688">
                  <c:v>1702</c:v>
                </c:pt>
                <c:pt idx="689">
                  <c:v>1704</c:v>
                </c:pt>
                <c:pt idx="690">
                  <c:v>1706</c:v>
                </c:pt>
                <c:pt idx="691">
                  <c:v>1708</c:v>
                </c:pt>
                <c:pt idx="692">
                  <c:v>1710</c:v>
                </c:pt>
                <c:pt idx="693">
                  <c:v>1712</c:v>
                </c:pt>
                <c:pt idx="694">
                  <c:v>1714</c:v>
                </c:pt>
                <c:pt idx="695">
                  <c:v>1716</c:v>
                </c:pt>
                <c:pt idx="696">
                  <c:v>1718</c:v>
                </c:pt>
                <c:pt idx="697">
                  <c:v>1720</c:v>
                </c:pt>
                <c:pt idx="698">
                  <c:v>1722</c:v>
                </c:pt>
                <c:pt idx="699">
                  <c:v>1724</c:v>
                </c:pt>
                <c:pt idx="700">
                  <c:v>1726</c:v>
                </c:pt>
                <c:pt idx="701">
                  <c:v>1728</c:v>
                </c:pt>
                <c:pt idx="702">
                  <c:v>1730</c:v>
                </c:pt>
                <c:pt idx="703">
                  <c:v>1732</c:v>
                </c:pt>
                <c:pt idx="704">
                  <c:v>1734</c:v>
                </c:pt>
                <c:pt idx="705">
                  <c:v>1736</c:v>
                </c:pt>
                <c:pt idx="706">
                  <c:v>1738</c:v>
                </c:pt>
                <c:pt idx="707">
                  <c:v>1740</c:v>
                </c:pt>
                <c:pt idx="708">
                  <c:v>1742</c:v>
                </c:pt>
                <c:pt idx="709">
                  <c:v>1744</c:v>
                </c:pt>
                <c:pt idx="710">
                  <c:v>1746</c:v>
                </c:pt>
                <c:pt idx="711">
                  <c:v>1748</c:v>
                </c:pt>
                <c:pt idx="712">
                  <c:v>1750</c:v>
                </c:pt>
                <c:pt idx="713">
                  <c:v>1752</c:v>
                </c:pt>
                <c:pt idx="714">
                  <c:v>1754</c:v>
                </c:pt>
                <c:pt idx="715">
                  <c:v>1756</c:v>
                </c:pt>
                <c:pt idx="716">
                  <c:v>1758</c:v>
                </c:pt>
                <c:pt idx="717">
                  <c:v>1760</c:v>
                </c:pt>
                <c:pt idx="718">
                  <c:v>1762</c:v>
                </c:pt>
                <c:pt idx="719">
                  <c:v>1764</c:v>
                </c:pt>
                <c:pt idx="720">
                  <c:v>1766</c:v>
                </c:pt>
                <c:pt idx="721">
                  <c:v>1768</c:v>
                </c:pt>
                <c:pt idx="722">
                  <c:v>1770</c:v>
                </c:pt>
                <c:pt idx="723">
                  <c:v>1772</c:v>
                </c:pt>
                <c:pt idx="724">
                  <c:v>1774</c:v>
                </c:pt>
                <c:pt idx="725">
                  <c:v>1776</c:v>
                </c:pt>
                <c:pt idx="726">
                  <c:v>1778</c:v>
                </c:pt>
                <c:pt idx="727">
                  <c:v>1780</c:v>
                </c:pt>
                <c:pt idx="728">
                  <c:v>1782</c:v>
                </c:pt>
                <c:pt idx="729">
                  <c:v>1784</c:v>
                </c:pt>
                <c:pt idx="730">
                  <c:v>1786</c:v>
                </c:pt>
                <c:pt idx="731">
                  <c:v>1788</c:v>
                </c:pt>
                <c:pt idx="732">
                  <c:v>1790</c:v>
                </c:pt>
                <c:pt idx="733">
                  <c:v>1792</c:v>
                </c:pt>
                <c:pt idx="734">
                  <c:v>1794</c:v>
                </c:pt>
                <c:pt idx="735">
                  <c:v>1796</c:v>
                </c:pt>
                <c:pt idx="736">
                  <c:v>1798</c:v>
                </c:pt>
                <c:pt idx="737">
                  <c:v>1800</c:v>
                </c:pt>
                <c:pt idx="738">
                  <c:v>1802</c:v>
                </c:pt>
                <c:pt idx="739">
                  <c:v>1804</c:v>
                </c:pt>
                <c:pt idx="740">
                  <c:v>1806</c:v>
                </c:pt>
                <c:pt idx="741">
                  <c:v>1808</c:v>
                </c:pt>
                <c:pt idx="742">
                  <c:v>1810</c:v>
                </c:pt>
                <c:pt idx="743">
                  <c:v>1812</c:v>
                </c:pt>
                <c:pt idx="744">
                  <c:v>1814</c:v>
                </c:pt>
                <c:pt idx="745">
                  <c:v>1816</c:v>
                </c:pt>
                <c:pt idx="746">
                  <c:v>1818</c:v>
                </c:pt>
                <c:pt idx="747">
                  <c:v>1820</c:v>
                </c:pt>
                <c:pt idx="748">
                  <c:v>1822</c:v>
                </c:pt>
                <c:pt idx="749">
                  <c:v>1824</c:v>
                </c:pt>
                <c:pt idx="750">
                  <c:v>1826</c:v>
                </c:pt>
                <c:pt idx="751">
                  <c:v>1828</c:v>
                </c:pt>
                <c:pt idx="752">
                  <c:v>1830</c:v>
                </c:pt>
                <c:pt idx="753">
                  <c:v>1832</c:v>
                </c:pt>
                <c:pt idx="754">
                  <c:v>1834</c:v>
                </c:pt>
                <c:pt idx="755">
                  <c:v>1836</c:v>
                </c:pt>
                <c:pt idx="756">
                  <c:v>1838</c:v>
                </c:pt>
                <c:pt idx="757">
                  <c:v>1840</c:v>
                </c:pt>
                <c:pt idx="758">
                  <c:v>1842</c:v>
                </c:pt>
                <c:pt idx="759">
                  <c:v>1844</c:v>
                </c:pt>
                <c:pt idx="760">
                  <c:v>1846</c:v>
                </c:pt>
                <c:pt idx="761">
                  <c:v>1848</c:v>
                </c:pt>
                <c:pt idx="762">
                  <c:v>1850</c:v>
                </c:pt>
                <c:pt idx="763">
                  <c:v>1852</c:v>
                </c:pt>
                <c:pt idx="764">
                  <c:v>1854</c:v>
                </c:pt>
                <c:pt idx="765">
                  <c:v>1856</c:v>
                </c:pt>
                <c:pt idx="766">
                  <c:v>1858</c:v>
                </c:pt>
                <c:pt idx="767">
                  <c:v>1860</c:v>
                </c:pt>
                <c:pt idx="768">
                  <c:v>1862</c:v>
                </c:pt>
                <c:pt idx="769">
                  <c:v>1864</c:v>
                </c:pt>
                <c:pt idx="770">
                  <c:v>1866</c:v>
                </c:pt>
                <c:pt idx="771">
                  <c:v>1868</c:v>
                </c:pt>
                <c:pt idx="772">
                  <c:v>1870</c:v>
                </c:pt>
                <c:pt idx="773">
                  <c:v>1872</c:v>
                </c:pt>
                <c:pt idx="774">
                  <c:v>1874</c:v>
                </c:pt>
                <c:pt idx="775">
                  <c:v>1876</c:v>
                </c:pt>
                <c:pt idx="776">
                  <c:v>1878</c:v>
                </c:pt>
                <c:pt idx="777">
                  <c:v>1880</c:v>
                </c:pt>
                <c:pt idx="778">
                  <c:v>1882</c:v>
                </c:pt>
                <c:pt idx="779">
                  <c:v>1884</c:v>
                </c:pt>
                <c:pt idx="780">
                  <c:v>1886</c:v>
                </c:pt>
                <c:pt idx="781">
                  <c:v>1888</c:v>
                </c:pt>
                <c:pt idx="782">
                  <c:v>1890</c:v>
                </c:pt>
                <c:pt idx="783">
                  <c:v>1892</c:v>
                </c:pt>
                <c:pt idx="784">
                  <c:v>1894</c:v>
                </c:pt>
                <c:pt idx="785">
                  <c:v>1896</c:v>
                </c:pt>
                <c:pt idx="786">
                  <c:v>1898</c:v>
                </c:pt>
                <c:pt idx="787">
                  <c:v>1900</c:v>
                </c:pt>
                <c:pt idx="788">
                  <c:v>1902</c:v>
                </c:pt>
                <c:pt idx="789">
                  <c:v>1904</c:v>
                </c:pt>
                <c:pt idx="790">
                  <c:v>1906</c:v>
                </c:pt>
                <c:pt idx="791">
                  <c:v>1908</c:v>
                </c:pt>
                <c:pt idx="792">
                  <c:v>1910</c:v>
                </c:pt>
                <c:pt idx="793">
                  <c:v>1912</c:v>
                </c:pt>
                <c:pt idx="794">
                  <c:v>1914</c:v>
                </c:pt>
                <c:pt idx="795">
                  <c:v>1916</c:v>
                </c:pt>
                <c:pt idx="796">
                  <c:v>1918</c:v>
                </c:pt>
                <c:pt idx="797">
                  <c:v>1920</c:v>
                </c:pt>
                <c:pt idx="798">
                  <c:v>1922</c:v>
                </c:pt>
                <c:pt idx="799">
                  <c:v>1924</c:v>
                </c:pt>
                <c:pt idx="800">
                  <c:v>1926</c:v>
                </c:pt>
                <c:pt idx="801">
                  <c:v>1928</c:v>
                </c:pt>
                <c:pt idx="802">
                  <c:v>1930</c:v>
                </c:pt>
                <c:pt idx="803">
                  <c:v>1932</c:v>
                </c:pt>
                <c:pt idx="804">
                  <c:v>1934</c:v>
                </c:pt>
                <c:pt idx="805">
                  <c:v>1936</c:v>
                </c:pt>
                <c:pt idx="806">
                  <c:v>1938</c:v>
                </c:pt>
                <c:pt idx="807">
                  <c:v>1940</c:v>
                </c:pt>
                <c:pt idx="808">
                  <c:v>1942</c:v>
                </c:pt>
                <c:pt idx="809">
                  <c:v>1944</c:v>
                </c:pt>
                <c:pt idx="810">
                  <c:v>1946</c:v>
                </c:pt>
                <c:pt idx="811">
                  <c:v>1948</c:v>
                </c:pt>
                <c:pt idx="812">
                  <c:v>1950</c:v>
                </c:pt>
                <c:pt idx="813">
                  <c:v>1952</c:v>
                </c:pt>
                <c:pt idx="814">
                  <c:v>1954</c:v>
                </c:pt>
                <c:pt idx="815">
                  <c:v>1956</c:v>
                </c:pt>
                <c:pt idx="816">
                  <c:v>1958</c:v>
                </c:pt>
                <c:pt idx="817">
                  <c:v>1960</c:v>
                </c:pt>
                <c:pt idx="818">
                  <c:v>1962</c:v>
                </c:pt>
                <c:pt idx="819">
                  <c:v>1964</c:v>
                </c:pt>
                <c:pt idx="820">
                  <c:v>1966</c:v>
                </c:pt>
                <c:pt idx="821">
                  <c:v>1968</c:v>
                </c:pt>
                <c:pt idx="822">
                  <c:v>1970</c:v>
                </c:pt>
                <c:pt idx="823">
                  <c:v>1972</c:v>
                </c:pt>
                <c:pt idx="824">
                  <c:v>1974</c:v>
                </c:pt>
                <c:pt idx="825">
                  <c:v>1976</c:v>
                </c:pt>
                <c:pt idx="826">
                  <c:v>1978</c:v>
                </c:pt>
                <c:pt idx="827">
                  <c:v>1980</c:v>
                </c:pt>
                <c:pt idx="828">
                  <c:v>1982</c:v>
                </c:pt>
                <c:pt idx="829">
                  <c:v>1984</c:v>
                </c:pt>
                <c:pt idx="830">
                  <c:v>1986</c:v>
                </c:pt>
                <c:pt idx="831">
                  <c:v>1988</c:v>
                </c:pt>
                <c:pt idx="832">
                  <c:v>1990</c:v>
                </c:pt>
                <c:pt idx="833">
                  <c:v>1992</c:v>
                </c:pt>
                <c:pt idx="834">
                  <c:v>1994</c:v>
                </c:pt>
                <c:pt idx="835">
                  <c:v>1996</c:v>
                </c:pt>
                <c:pt idx="836">
                  <c:v>1998</c:v>
                </c:pt>
                <c:pt idx="837">
                  <c:v>2000</c:v>
                </c:pt>
                <c:pt idx="838">
                  <c:v>2002</c:v>
                </c:pt>
                <c:pt idx="839">
                  <c:v>2004</c:v>
                </c:pt>
                <c:pt idx="840">
                  <c:v>2006</c:v>
                </c:pt>
                <c:pt idx="841">
                  <c:v>2008</c:v>
                </c:pt>
                <c:pt idx="842">
                  <c:v>2010</c:v>
                </c:pt>
                <c:pt idx="843">
                  <c:v>2012</c:v>
                </c:pt>
                <c:pt idx="844">
                  <c:v>2014</c:v>
                </c:pt>
                <c:pt idx="845">
                  <c:v>2016</c:v>
                </c:pt>
                <c:pt idx="846">
                  <c:v>2018</c:v>
                </c:pt>
                <c:pt idx="847">
                  <c:v>2020</c:v>
                </c:pt>
                <c:pt idx="848">
                  <c:v>2022</c:v>
                </c:pt>
                <c:pt idx="849">
                  <c:v>2024</c:v>
                </c:pt>
                <c:pt idx="850">
                  <c:v>2026</c:v>
                </c:pt>
                <c:pt idx="851">
                  <c:v>2028</c:v>
                </c:pt>
                <c:pt idx="852">
                  <c:v>2030</c:v>
                </c:pt>
                <c:pt idx="853">
                  <c:v>2032</c:v>
                </c:pt>
                <c:pt idx="854">
                  <c:v>2034</c:v>
                </c:pt>
                <c:pt idx="855">
                  <c:v>2036</c:v>
                </c:pt>
                <c:pt idx="856">
                  <c:v>2038</c:v>
                </c:pt>
                <c:pt idx="857">
                  <c:v>2040</c:v>
                </c:pt>
                <c:pt idx="858">
                  <c:v>2042</c:v>
                </c:pt>
                <c:pt idx="859">
                  <c:v>2044</c:v>
                </c:pt>
                <c:pt idx="860">
                  <c:v>2046</c:v>
                </c:pt>
                <c:pt idx="861">
                  <c:v>2048</c:v>
                </c:pt>
                <c:pt idx="862">
                  <c:v>2050</c:v>
                </c:pt>
                <c:pt idx="863">
                  <c:v>2052</c:v>
                </c:pt>
                <c:pt idx="864">
                  <c:v>2054</c:v>
                </c:pt>
                <c:pt idx="865">
                  <c:v>2056</c:v>
                </c:pt>
                <c:pt idx="866">
                  <c:v>2058</c:v>
                </c:pt>
                <c:pt idx="867">
                  <c:v>2060</c:v>
                </c:pt>
                <c:pt idx="868">
                  <c:v>2062</c:v>
                </c:pt>
                <c:pt idx="869">
                  <c:v>2064</c:v>
                </c:pt>
                <c:pt idx="870">
                  <c:v>2066</c:v>
                </c:pt>
                <c:pt idx="871">
                  <c:v>2068</c:v>
                </c:pt>
                <c:pt idx="872">
                  <c:v>2070</c:v>
                </c:pt>
                <c:pt idx="873">
                  <c:v>2072</c:v>
                </c:pt>
                <c:pt idx="874">
                  <c:v>2074</c:v>
                </c:pt>
                <c:pt idx="875">
                  <c:v>2076</c:v>
                </c:pt>
                <c:pt idx="876">
                  <c:v>2078</c:v>
                </c:pt>
                <c:pt idx="877">
                  <c:v>2080</c:v>
                </c:pt>
                <c:pt idx="878">
                  <c:v>2082</c:v>
                </c:pt>
                <c:pt idx="879">
                  <c:v>2084</c:v>
                </c:pt>
                <c:pt idx="880">
                  <c:v>2086</c:v>
                </c:pt>
                <c:pt idx="881">
                  <c:v>2088</c:v>
                </c:pt>
                <c:pt idx="882">
                  <c:v>2090</c:v>
                </c:pt>
                <c:pt idx="883">
                  <c:v>2092</c:v>
                </c:pt>
                <c:pt idx="884">
                  <c:v>2094</c:v>
                </c:pt>
                <c:pt idx="885">
                  <c:v>2096</c:v>
                </c:pt>
                <c:pt idx="886">
                  <c:v>2098</c:v>
                </c:pt>
                <c:pt idx="887">
                  <c:v>2100</c:v>
                </c:pt>
                <c:pt idx="888">
                  <c:v>2102</c:v>
                </c:pt>
                <c:pt idx="889">
                  <c:v>2104</c:v>
                </c:pt>
                <c:pt idx="890">
                  <c:v>2106</c:v>
                </c:pt>
                <c:pt idx="891">
                  <c:v>2108</c:v>
                </c:pt>
                <c:pt idx="892">
                  <c:v>2110</c:v>
                </c:pt>
                <c:pt idx="893">
                  <c:v>2112</c:v>
                </c:pt>
                <c:pt idx="894">
                  <c:v>2114</c:v>
                </c:pt>
                <c:pt idx="895">
                  <c:v>2116</c:v>
                </c:pt>
                <c:pt idx="896">
                  <c:v>2118</c:v>
                </c:pt>
                <c:pt idx="897">
                  <c:v>2120</c:v>
                </c:pt>
                <c:pt idx="898">
                  <c:v>2122</c:v>
                </c:pt>
                <c:pt idx="899">
                  <c:v>2124</c:v>
                </c:pt>
                <c:pt idx="900">
                  <c:v>2126</c:v>
                </c:pt>
                <c:pt idx="901">
                  <c:v>2128</c:v>
                </c:pt>
                <c:pt idx="902">
                  <c:v>2130</c:v>
                </c:pt>
                <c:pt idx="903">
                  <c:v>2132</c:v>
                </c:pt>
                <c:pt idx="904">
                  <c:v>2134</c:v>
                </c:pt>
                <c:pt idx="905">
                  <c:v>2136</c:v>
                </c:pt>
                <c:pt idx="906">
                  <c:v>2138</c:v>
                </c:pt>
                <c:pt idx="907">
                  <c:v>2140</c:v>
                </c:pt>
                <c:pt idx="908">
                  <c:v>2142</c:v>
                </c:pt>
                <c:pt idx="909">
                  <c:v>2144</c:v>
                </c:pt>
                <c:pt idx="910">
                  <c:v>2146</c:v>
                </c:pt>
                <c:pt idx="911">
                  <c:v>2148</c:v>
                </c:pt>
                <c:pt idx="912">
                  <c:v>2150</c:v>
                </c:pt>
                <c:pt idx="913">
                  <c:v>2152</c:v>
                </c:pt>
                <c:pt idx="914">
                  <c:v>2154</c:v>
                </c:pt>
                <c:pt idx="915">
                  <c:v>2156</c:v>
                </c:pt>
                <c:pt idx="916">
                  <c:v>2158</c:v>
                </c:pt>
                <c:pt idx="917">
                  <c:v>2160</c:v>
                </c:pt>
                <c:pt idx="918">
                  <c:v>2162</c:v>
                </c:pt>
                <c:pt idx="919">
                  <c:v>2164</c:v>
                </c:pt>
                <c:pt idx="920">
                  <c:v>2166</c:v>
                </c:pt>
                <c:pt idx="921">
                  <c:v>2168</c:v>
                </c:pt>
                <c:pt idx="922">
                  <c:v>2170</c:v>
                </c:pt>
                <c:pt idx="923">
                  <c:v>2172</c:v>
                </c:pt>
                <c:pt idx="924">
                  <c:v>2174</c:v>
                </c:pt>
                <c:pt idx="925">
                  <c:v>2176</c:v>
                </c:pt>
                <c:pt idx="926">
                  <c:v>2178</c:v>
                </c:pt>
                <c:pt idx="927">
                  <c:v>2180</c:v>
                </c:pt>
                <c:pt idx="928">
                  <c:v>2182</c:v>
                </c:pt>
                <c:pt idx="929">
                  <c:v>2184</c:v>
                </c:pt>
                <c:pt idx="930">
                  <c:v>2186</c:v>
                </c:pt>
                <c:pt idx="931">
                  <c:v>2188</c:v>
                </c:pt>
                <c:pt idx="932">
                  <c:v>2190</c:v>
                </c:pt>
                <c:pt idx="933">
                  <c:v>2192</c:v>
                </c:pt>
                <c:pt idx="934">
                  <c:v>2194</c:v>
                </c:pt>
                <c:pt idx="935">
                  <c:v>2196</c:v>
                </c:pt>
                <c:pt idx="936">
                  <c:v>2198</c:v>
                </c:pt>
                <c:pt idx="937">
                  <c:v>2200</c:v>
                </c:pt>
                <c:pt idx="938">
                  <c:v>2202</c:v>
                </c:pt>
                <c:pt idx="939">
                  <c:v>2204</c:v>
                </c:pt>
                <c:pt idx="940">
                  <c:v>2206</c:v>
                </c:pt>
                <c:pt idx="941">
                  <c:v>2208</c:v>
                </c:pt>
                <c:pt idx="942">
                  <c:v>2210</c:v>
                </c:pt>
                <c:pt idx="943">
                  <c:v>2212</c:v>
                </c:pt>
                <c:pt idx="944">
                  <c:v>2214</c:v>
                </c:pt>
                <c:pt idx="945">
                  <c:v>2216</c:v>
                </c:pt>
                <c:pt idx="946">
                  <c:v>2218</c:v>
                </c:pt>
                <c:pt idx="947">
                  <c:v>2220</c:v>
                </c:pt>
                <c:pt idx="948">
                  <c:v>2222</c:v>
                </c:pt>
                <c:pt idx="949">
                  <c:v>2224</c:v>
                </c:pt>
                <c:pt idx="950">
                  <c:v>2226</c:v>
                </c:pt>
                <c:pt idx="951">
                  <c:v>2228</c:v>
                </c:pt>
                <c:pt idx="952">
                  <c:v>2230</c:v>
                </c:pt>
                <c:pt idx="953">
                  <c:v>2232</c:v>
                </c:pt>
                <c:pt idx="954">
                  <c:v>2234</c:v>
                </c:pt>
                <c:pt idx="955">
                  <c:v>2236</c:v>
                </c:pt>
                <c:pt idx="956">
                  <c:v>2238</c:v>
                </c:pt>
                <c:pt idx="957">
                  <c:v>2240</c:v>
                </c:pt>
                <c:pt idx="958">
                  <c:v>2242</c:v>
                </c:pt>
                <c:pt idx="959">
                  <c:v>2244</c:v>
                </c:pt>
                <c:pt idx="960">
                  <c:v>2246</c:v>
                </c:pt>
                <c:pt idx="961">
                  <c:v>2248</c:v>
                </c:pt>
                <c:pt idx="962">
                  <c:v>2250</c:v>
                </c:pt>
                <c:pt idx="963">
                  <c:v>2252</c:v>
                </c:pt>
                <c:pt idx="964">
                  <c:v>2254</c:v>
                </c:pt>
                <c:pt idx="965">
                  <c:v>2256</c:v>
                </c:pt>
                <c:pt idx="966">
                  <c:v>2258</c:v>
                </c:pt>
                <c:pt idx="967">
                  <c:v>2260</c:v>
                </c:pt>
                <c:pt idx="968">
                  <c:v>2262</c:v>
                </c:pt>
                <c:pt idx="969">
                  <c:v>2264</c:v>
                </c:pt>
                <c:pt idx="970">
                  <c:v>2266</c:v>
                </c:pt>
                <c:pt idx="971">
                  <c:v>2268</c:v>
                </c:pt>
                <c:pt idx="972">
                  <c:v>2270</c:v>
                </c:pt>
                <c:pt idx="973">
                  <c:v>2272</c:v>
                </c:pt>
                <c:pt idx="974">
                  <c:v>2274</c:v>
                </c:pt>
                <c:pt idx="975">
                  <c:v>2276</c:v>
                </c:pt>
                <c:pt idx="976">
                  <c:v>2278</c:v>
                </c:pt>
                <c:pt idx="977">
                  <c:v>2280</c:v>
                </c:pt>
                <c:pt idx="978">
                  <c:v>2282</c:v>
                </c:pt>
                <c:pt idx="979">
                  <c:v>2284</c:v>
                </c:pt>
                <c:pt idx="980">
                  <c:v>2286</c:v>
                </c:pt>
                <c:pt idx="981">
                  <c:v>2288</c:v>
                </c:pt>
                <c:pt idx="982">
                  <c:v>2290</c:v>
                </c:pt>
                <c:pt idx="983">
                  <c:v>2292</c:v>
                </c:pt>
                <c:pt idx="984">
                  <c:v>2294</c:v>
                </c:pt>
                <c:pt idx="985">
                  <c:v>2296</c:v>
                </c:pt>
                <c:pt idx="986">
                  <c:v>2298</c:v>
                </c:pt>
                <c:pt idx="987">
                  <c:v>2300</c:v>
                </c:pt>
                <c:pt idx="988">
                  <c:v>2302</c:v>
                </c:pt>
                <c:pt idx="989">
                  <c:v>2304</c:v>
                </c:pt>
                <c:pt idx="990">
                  <c:v>2306</c:v>
                </c:pt>
                <c:pt idx="991">
                  <c:v>2308</c:v>
                </c:pt>
                <c:pt idx="992">
                  <c:v>2310</c:v>
                </c:pt>
                <c:pt idx="993">
                  <c:v>2312</c:v>
                </c:pt>
                <c:pt idx="994">
                  <c:v>2314</c:v>
                </c:pt>
                <c:pt idx="995">
                  <c:v>2316</c:v>
                </c:pt>
                <c:pt idx="996">
                  <c:v>2318</c:v>
                </c:pt>
                <c:pt idx="997">
                  <c:v>2320</c:v>
                </c:pt>
                <c:pt idx="998">
                  <c:v>2322</c:v>
                </c:pt>
                <c:pt idx="999">
                  <c:v>2324</c:v>
                </c:pt>
                <c:pt idx="1000">
                  <c:v>2326</c:v>
                </c:pt>
                <c:pt idx="1001">
                  <c:v>2328</c:v>
                </c:pt>
                <c:pt idx="1002">
                  <c:v>2330</c:v>
                </c:pt>
                <c:pt idx="1003">
                  <c:v>2332</c:v>
                </c:pt>
                <c:pt idx="1004">
                  <c:v>2334</c:v>
                </c:pt>
                <c:pt idx="1005">
                  <c:v>2336</c:v>
                </c:pt>
                <c:pt idx="1006">
                  <c:v>2338</c:v>
                </c:pt>
                <c:pt idx="1007">
                  <c:v>2340</c:v>
                </c:pt>
                <c:pt idx="1008">
                  <c:v>2342</c:v>
                </c:pt>
                <c:pt idx="1009">
                  <c:v>2344</c:v>
                </c:pt>
                <c:pt idx="1010">
                  <c:v>2346</c:v>
                </c:pt>
                <c:pt idx="1011">
                  <c:v>2348</c:v>
                </c:pt>
                <c:pt idx="1012">
                  <c:v>2350</c:v>
                </c:pt>
                <c:pt idx="1013">
                  <c:v>2352</c:v>
                </c:pt>
                <c:pt idx="1014">
                  <c:v>2354</c:v>
                </c:pt>
                <c:pt idx="1015">
                  <c:v>2356</c:v>
                </c:pt>
                <c:pt idx="1016">
                  <c:v>2358</c:v>
                </c:pt>
                <c:pt idx="1017">
                  <c:v>2360</c:v>
                </c:pt>
                <c:pt idx="1018">
                  <c:v>2362</c:v>
                </c:pt>
                <c:pt idx="1019">
                  <c:v>2364</c:v>
                </c:pt>
                <c:pt idx="1020">
                  <c:v>2366</c:v>
                </c:pt>
                <c:pt idx="1021">
                  <c:v>2368</c:v>
                </c:pt>
                <c:pt idx="1022">
                  <c:v>2370</c:v>
                </c:pt>
                <c:pt idx="1023">
                  <c:v>2372</c:v>
                </c:pt>
                <c:pt idx="1024">
                  <c:v>2374</c:v>
                </c:pt>
                <c:pt idx="1025">
                  <c:v>2376</c:v>
                </c:pt>
                <c:pt idx="1026">
                  <c:v>2378</c:v>
                </c:pt>
                <c:pt idx="1027">
                  <c:v>2380</c:v>
                </c:pt>
                <c:pt idx="1028">
                  <c:v>2382</c:v>
                </c:pt>
                <c:pt idx="1029">
                  <c:v>2384</c:v>
                </c:pt>
                <c:pt idx="1030">
                  <c:v>2386</c:v>
                </c:pt>
                <c:pt idx="1031">
                  <c:v>2388</c:v>
                </c:pt>
                <c:pt idx="1032">
                  <c:v>2390</c:v>
                </c:pt>
                <c:pt idx="1033">
                  <c:v>2392</c:v>
                </c:pt>
                <c:pt idx="1034">
                  <c:v>2394</c:v>
                </c:pt>
                <c:pt idx="1035">
                  <c:v>2396</c:v>
                </c:pt>
                <c:pt idx="1036">
                  <c:v>2398</c:v>
                </c:pt>
                <c:pt idx="1037">
                  <c:v>2400</c:v>
                </c:pt>
                <c:pt idx="1038">
                  <c:v>2402</c:v>
                </c:pt>
                <c:pt idx="1039">
                  <c:v>2404</c:v>
                </c:pt>
                <c:pt idx="1040">
                  <c:v>2406</c:v>
                </c:pt>
                <c:pt idx="1041">
                  <c:v>2408</c:v>
                </c:pt>
                <c:pt idx="1042">
                  <c:v>2410</c:v>
                </c:pt>
                <c:pt idx="1043">
                  <c:v>2412</c:v>
                </c:pt>
                <c:pt idx="1044">
                  <c:v>2414</c:v>
                </c:pt>
                <c:pt idx="1045">
                  <c:v>2416</c:v>
                </c:pt>
                <c:pt idx="1046">
                  <c:v>2418</c:v>
                </c:pt>
                <c:pt idx="1047">
                  <c:v>2420</c:v>
                </c:pt>
                <c:pt idx="1048">
                  <c:v>2422</c:v>
                </c:pt>
                <c:pt idx="1049">
                  <c:v>2424</c:v>
                </c:pt>
                <c:pt idx="1050">
                  <c:v>2426</c:v>
                </c:pt>
                <c:pt idx="1051">
                  <c:v>2428</c:v>
                </c:pt>
                <c:pt idx="1052">
                  <c:v>2430</c:v>
                </c:pt>
                <c:pt idx="1053">
                  <c:v>2432</c:v>
                </c:pt>
                <c:pt idx="1054">
                  <c:v>2434</c:v>
                </c:pt>
                <c:pt idx="1055">
                  <c:v>2436</c:v>
                </c:pt>
                <c:pt idx="1056">
                  <c:v>2438</c:v>
                </c:pt>
                <c:pt idx="1057">
                  <c:v>2440</c:v>
                </c:pt>
                <c:pt idx="1058">
                  <c:v>2442</c:v>
                </c:pt>
                <c:pt idx="1059">
                  <c:v>2444</c:v>
                </c:pt>
                <c:pt idx="1060">
                  <c:v>2446</c:v>
                </c:pt>
                <c:pt idx="1061">
                  <c:v>2448</c:v>
                </c:pt>
                <c:pt idx="1062">
                  <c:v>2450</c:v>
                </c:pt>
                <c:pt idx="1063">
                  <c:v>2452</c:v>
                </c:pt>
                <c:pt idx="1064">
                  <c:v>2454</c:v>
                </c:pt>
                <c:pt idx="1065">
                  <c:v>2456</c:v>
                </c:pt>
                <c:pt idx="1066">
                  <c:v>2458</c:v>
                </c:pt>
                <c:pt idx="1067">
                  <c:v>2460</c:v>
                </c:pt>
                <c:pt idx="1068">
                  <c:v>2462</c:v>
                </c:pt>
                <c:pt idx="1069">
                  <c:v>2464</c:v>
                </c:pt>
                <c:pt idx="1070">
                  <c:v>2466</c:v>
                </c:pt>
                <c:pt idx="1071">
                  <c:v>2468</c:v>
                </c:pt>
                <c:pt idx="1072">
                  <c:v>2470</c:v>
                </c:pt>
                <c:pt idx="1073">
                  <c:v>2472</c:v>
                </c:pt>
                <c:pt idx="1074">
                  <c:v>2474</c:v>
                </c:pt>
                <c:pt idx="1075">
                  <c:v>2476</c:v>
                </c:pt>
                <c:pt idx="1076">
                  <c:v>2478</c:v>
                </c:pt>
                <c:pt idx="1077">
                  <c:v>2480</c:v>
                </c:pt>
                <c:pt idx="1078">
                  <c:v>2482</c:v>
                </c:pt>
                <c:pt idx="1079">
                  <c:v>2484</c:v>
                </c:pt>
                <c:pt idx="1080">
                  <c:v>2486</c:v>
                </c:pt>
                <c:pt idx="1081">
                  <c:v>2488</c:v>
                </c:pt>
                <c:pt idx="1082">
                  <c:v>2490</c:v>
                </c:pt>
                <c:pt idx="1083">
                  <c:v>2492</c:v>
                </c:pt>
                <c:pt idx="1084">
                  <c:v>2494</c:v>
                </c:pt>
                <c:pt idx="1085">
                  <c:v>2496</c:v>
                </c:pt>
                <c:pt idx="1086">
                  <c:v>2498</c:v>
                </c:pt>
                <c:pt idx="1087">
                  <c:v>2500</c:v>
                </c:pt>
              </c:numCache>
            </c:numRef>
          </c:xVal>
          <c:yVal>
            <c:numRef>
              <c:f>Sheet2!$B:$B</c:f>
              <c:numCache>
                <c:formatCode>0.00</c:formatCode>
                <c:ptCount val="65536"/>
                <c:pt idx="1">
                  <c:v>25.034300000000005</c:v>
                </c:pt>
                <c:pt idx="2">
                  <c:v>25.525799999999997</c:v>
                </c:pt>
                <c:pt idx="3">
                  <c:v>26.031500000000001</c:v>
                </c:pt>
                <c:pt idx="4">
                  <c:v>26.551400000000001</c:v>
                </c:pt>
                <c:pt idx="5">
                  <c:v>27.305</c:v>
                </c:pt>
                <c:pt idx="6">
                  <c:v>28.355000000000004</c:v>
                </c:pt>
                <c:pt idx="7">
                  <c:v>29.453299999999999</c:v>
                </c:pt>
                <c:pt idx="8">
                  <c:v>30.599900000000002</c:v>
                </c:pt>
                <c:pt idx="9">
                  <c:v>31.793700000000001</c:v>
                </c:pt>
                <c:pt idx="10">
                  <c:v>34.708500000000001</c:v>
                </c:pt>
                <c:pt idx="11">
                  <c:v>38.460900000000002</c:v>
                </c:pt>
                <c:pt idx="12">
                  <c:v>42.762300000000003</c:v>
                </c:pt>
                <c:pt idx="13">
                  <c:v>47.708399999999997</c:v>
                </c:pt>
                <c:pt idx="14">
                  <c:v>53.412999999999997</c:v>
                </c:pt>
                <c:pt idx="15">
                  <c:v>58.096800000000002</c:v>
                </c:pt>
                <c:pt idx="16">
                  <c:v>62.907299999999999</c:v>
                </c:pt>
                <c:pt idx="17">
                  <c:v>68.052199999999999</c:v>
                </c:pt>
                <c:pt idx="18">
                  <c:v>73.510999999999996</c:v>
                </c:pt>
                <c:pt idx="19">
                  <c:v>79.249499999999998</c:v>
                </c:pt>
                <c:pt idx="20">
                  <c:v>81.785300000000007</c:v>
                </c:pt>
                <c:pt idx="21">
                  <c:v>82.458699999999993</c:v>
                </c:pt>
                <c:pt idx="22">
                  <c:v>82.850999999999999</c:v>
                </c:pt>
                <c:pt idx="23">
                  <c:v>82.978800000000007</c:v>
                </c:pt>
                <c:pt idx="24">
                  <c:v>82.864099999999993</c:v>
                </c:pt>
                <c:pt idx="25">
                  <c:v>82.601900000000001</c:v>
                </c:pt>
                <c:pt idx="26">
                  <c:v>82.560599999999994</c:v>
                </c:pt>
                <c:pt idx="27">
                  <c:v>82.381900000000002</c:v>
                </c:pt>
                <c:pt idx="28">
                  <c:v>82.082599999999999</c:v>
                </c:pt>
                <c:pt idx="29">
                  <c:v>81.682599999999994</c:v>
                </c:pt>
                <c:pt idx="30">
                  <c:v>81.203100000000006</c:v>
                </c:pt>
                <c:pt idx="31">
                  <c:v>80.847999999999999</c:v>
                </c:pt>
                <c:pt idx="32">
                  <c:v>80.906800000000004</c:v>
                </c:pt>
                <c:pt idx="33">
                  <c:v>80.911799999999999</c:v>
                </c:pt>
                <c:pt idx="34">
                  <c:v>80.874499999999998</c:v>
                </c:pt>
                <c:pt idx="35">
                  <c:v>80.805300000000003</c:v>
                </c:pt>
                <c:pt idx="36">
                  <c:v>80.711699999999993</c:v>
                </c:pt>
                <c:pt idx="37">
                  <c:v>80.602099999999993</c:v>
                </c:pt>
                <c:pt idx="38">
                  <c:v>80.500399999999999</c:v>
                </c:pt>
                <c:pt idx="39">
                  <c:v>80.385599999999997</c:v>
                </c:pt>
                <c:pt idx="40">
                  <c:v>80.263300000000001</c:v>
                </c:pt>
                <c:pt idx="41">
                  <c:v>80.138499999999993</c:v>
                </c:pt>
                <c:pt idx="42">
                  <c:v>80.0154</c:v>
                </c:pt>
                <c:pt idx="43">
                  <c:v>79.898399999999995</c:v>
                </c:pt>
                <c:pt idx="44">
                  <c:v>79.991799999999998</c:v>
                </c:pt>
                <c:pt idx="45">
                  <c:v>80.441100000000006</c:v>
                </c:pt>
                <c:pt idx="46">
                  <c:v>80.894400000000005</c:v>
                </c:pt>
                <c:pt idx="47">
                  <c:v>81.350800000000007</c:v>
                </c:pt>
                <c:pt idx="48">
                  <c:v>81.809200000000004</c:v>
                </c:pt>
                <c:pt idx="49">
                  <c:v>82.268199999999993</c:v>
                </c:pt>
                <c:pt idx="50">
                  <c:v>82.727099999999993</c:v>
                </c:pt>
                <c:pt idx="51">
                  <c:v>83.024000000000001</c:v>
                </c:pt>
                <c:pt idx="52">
                  <c:v>82.816999999999993</c:v>
                </c:pt>
                <c:pt idx="53">
                  <c:v>82.622299999999996</c:v>
                </c:pt>
                <c:pt idx="54">
                  <c:v>82.442800000000005</c:v>
                </c:pt>
                <c:pt idx="55">
                  <c:v>82.280199999999994</c:v>
                </c:pt>
                <c:pt idx="56">
                  <c:v>82.135800000000003</c:v>
                </c:pt>
                <c:pt idx="57">
                  <c:v>82.01</c:v>
                </c:pt>
                <c:pt idx="58">
                  <c:v>81.904700000000005</c:v>
                </c:pt>
                <c:pt idx="59">
                  <c:v>81.681899999999999</c:v>
                </c:pt>
                <c:pt idx="60">
                  <c:v>81.403700000000001</c:v>
                </c:pt>
                <c:pt idx="61">
                  <c:v>81.164699999999996</c:v>
                </c:pt>
                <c:pt idx="62">
                  <c:v>80.966499999999996</c:v>
                </c:pt>
                <c:pt idx="63">
                  <c:v>80.809100000000001</c:v>
                </c:pt>
                <c:pt idx="64">
                  <c:v>80.692099999999996</c:v>
                </c:pt>
                <c:pt idx="65">
                  <c:v>80.612700000000004</c:v>
                </c:pt>
                <c:pt idx="66">
                  <c:v>80.569000000000003</c:v>
                </c:pt>
                <c:pt idx="67">
                  <c:v>80.644499999999994</c:v>
                </c:pt>
                <c:pt idx="68">
                  <c:v>80.856300000000005</c:v>
                </c:pt>
                <c:pt idx="69">
                  <c:v>81.065799999999996</c:v>
                </c:pt>
                <c:pt idx="70">
                  <c:v>81.272499999999994</c:v>
                </c:pt>
                <c:pt idx="71">
                  <c:v>81.474900000000005</c:v>
                </c:pt>
                <c:pt idx="72">
                  <c:v>81.671499999999995</c:v>
                </c:pt>
                <c:pt idx="73">
                  <c:v>81.861599999999996</c:v>
                </c:pt>
                <c:pt idx="74">
                  <c:v>82.049800000000005</c:v>
                </c:pt>
                <c:pt idx="75">
                  <c:v>82.238799999999998</c:v>
                </c:pt>
                <c:pt idx="76">
                  <c:v>82.433899999999994</c:v>
                </c:pt>
                <c:pt idx="77">
                  <c:v>82.637799999999999</c:v>
                </c:pt>
                <c:pt idx="78">
                  <c:v>82.848699999999994</c:v>
                </c:pt>
                <c:pt idx="79">
                  <c:v>83.067400000000006</c:v>
                </c:pt>
                <c:pt idx="80">
                  <c:v>83.294600000000003</c:v>
                </c:pt>
                <c:pt idx="81">
                  <c:v>83.5334</c:v>
                </c:pt>
                <c:pt idx="82">
                  <c:v>83.780600000000007</c:v>
                </c:pt>
                <c:pt idx="83">
                  <c:v>84.033799999999999</c:v>
                </c:pt>
                <c:pt idx="84">
                  <c:v>84.290300000000002</c:v>
                </c:pt>
                <c:pt idx="85">
                  <c:v>84.5518</c:v>
                </c:pt>
                <c:pt idx="86">
                  <c:v>84.871600000000001</c:v>
                </c:pt>
                <c:pt idx="87">
                  <c:v>85.187200000000004</c:v>
                </c:pt>
                <c:pt idx="88">
                  <c:v>85.497100000000003</c:v>
                </c:pt>
                <c:pt idx="89">
                  <c:v>85.801000000000002</c:v>
                </c:pt>
                <c:pt idx="90">
                  <c:v>86.096100000000007</c:v>
                </c:pt>
                <c:pt idx="91">
                  <c:v>86.381200000000007</c:v>
                </c:pt>
                <c:pt idx="92">
                  <c:v>86.655900000000003</c:v>
                </c:pt>
                <c:pt idx="93">
                  <c:v>86.919899999999998</c:v>
                </c:pt>
                <c:pt idx="94">
                  <c:v>87.171199999999999</c:v>
                </c:pt>
                <c:pt idx="95">
                  <c:v>87.409000000000006</c:v>
                </c:pt>
                <c:pt idx="96">
                  <c:v>87.610299999999995</c:v>
                </c:pt>
                <c:pt idx="97">
                  <c:v>87.788399999999996</c:v>
                </c:pt>
                <c:pt idx="98">
                  <c:v>87.951499999999996</c:v>
                </c:pt>
                <c:pt idx="99">
                  <c:v>88.099199999999996</c:v>
                </c:pt>
                <c:pt idx="100">
                  <c:v>88.2316</c:v>
                </c:pt>
                <c:pt idx="101">
                  <c:v>88.348100000000002</c:v>
                </c:pt>
                <c:pt idx="102">
                  <c:v>88.448400000000007</c:v>
                </c:pt>
                <c:pt idx="103">
                  <c:v>88.5321</c:v>
                </c:pt>
                <c:pt idx="104">
                  <c:v>88.599199999999996</c:v>
                </c:pt>
                <c:pt idx="105">
                  <c:v>88.65</c:v>
                </c:pt>
                <c:pt idx="106">
                  <c:v>88.685299999999998</c:v>
                </c:pt>
                <c:pt idx="107">
                  <c:v>88.685000000000002</c:v>
                </c:pt>
                <c:pt idx="108">
                  <c:v>88.648099999999999</c:v>
                </c:pt>
                <c:pt idx="109">
                  <c:v>88.597800000000007</c:v>
                </c:pt>
                <c:pt idx="110">
                  <c:v>88.534599999999998</c:v>
                </c:pt>
                <c:pt idx="111">
                  <c:v>88.459299999999999</c:v>
                </c:pt>
                <c:pt idx="112">
                  <c:v>88.372399999999999</c:v>
                </c:pt>
                <c:pt idx="113">
                  <c:v>88.274799999999999</c:v>
                </c:pt>
                <c:pt idx="114">
                  <c:v>88.167000000000002</c:v>
                </c:pt>
                <c:pt idx="115">
                  <c:v>88.049899999999994</c:v>
                </c:pt>
                <c:pt idx="116">
                  <c:v>87.924000000000007</c:v>
                </c:pt>
                <c:pt idx="117">
                  <c:v>87.79</c:v>
                </c:pt>
                <c:pt idx="118">
                  <c:v>87.648499999999999</c:v>
                </c:pt>
                <c:pt idx="119">
                  <c:v>87.500399999999999</c:v>
                </c:pt>
                <c:pt idx="120">
                  <c:v>87.347300000000004</c:v>
                </c:pt>
                <c:pt idx="121">
                  <c:v>87.188299999999998</c:v>
                </c:pt>
                <c:pt idx="122">
                  <c:v>87.023799999999994</c:v>
                </c:pt>
                <c:pt idx="123">
                  <c:v>86.854399999999998</c:v>
                </c:pt>
                <c:pt idx="124">
                  <c:v>86.680499999999995</c:v>
                </c:pt>
                <c:pt idx="125">
                  <c:v>86.502499999999998</c:v>
                </c:pt>
                <c:pt idx="126">
                  <c:v>86.320800000000006</c:v>
                </c:pt>
                <c:pt idx="127">
                  <c:v>86.135900000000007</c:v>
                </c:pt>
                <c:pt idx="128">
                  <c:v>85.948099999999997</c:v>
                </c:pt>
                <c:pt idx="129">
                  <c:v>85.757599999999996</c:v>
                </c:pt>
                <c:pt idx="130">
                  <c:v>85.564999999999998</c:v>
                </c:pt>
                <c:pt idx="131">
                  <c:v>85.370599999999996</c:v>
                </c:pt>
                <c:pt idx="132">
                  <c:v>85.174599999999998</c:v>
                </c:pt>
                <c:pt idx="133">
                  <c:v>84.982299999999995</c:v>
                </c:pt>
                <c:pt idx="134">
                  <c:v>84.790099999999995</c:v>
                </c:pt>
                <c:pt idx="135">
                  <c:v>84.597300000000004</c:v>
                </c:pt>
                <c:pt idx="136">
                  <c:v>84.4041</c:v>
                </c:pt>
                <c:pt idx="137">
                  <c:v>84.210800000000006</c:v>
                </c:pt>
                <c:pt idx="138">
                  <c:v>84.017700000000005</c:v>
                </c:pt>
                <c:pt idx="139">
                  <c:v>83.825000000000003</c:v>
                </c:pt>
                <c:pt idx="140">
                  <c:v>83.632900000000006</c:v>
                </c:pt>
                <c:pt idx="141">
                  <c:v>83.441699999999997</c:v>
                </c:pt>
                <c:pt idx="142">
                  <c:v>83.251599999999996</c:v>
                </c:pt>
                <c:pt idx="143">
                  <c:v>83.062799999999996</c:v>
                </c:pt>
                <c:pt idx="144">
                  <c:v>82.875500000000002</c:v>
                </c:pt>
                <c:pt idx="145">
                  <c:v>82.689899999999994</c:v>
                </c:pt>
                <c:pt idx="146">
                  <c:v>82.506100000000004</c:v>
                </c:pt>
                <c:pt idx="147">
                  <c:v>82.325199999999995</c:v>
                </c:pt>
                <c:pt idx="148">
                  <c:v>82.164000000000001</c:v>
                </c:pt>
                <c:pt idx="149">
                  <c:v>82.004800000000003</c:v>
                </c:pt>
                <c:pt idx="150">
                  <c:v>81.847899999999996</c:v>
                </c:pt>
                <c:pt idx="151">
                  <c:v>81.693200000000004</c:v>
                </c:pt>
                <c:pt idx="152">
                  <c:v>81.540800000000004</c:v>
                </c:pt>
                <c:pt idx="153">
                  <c:v>81.390900000000002</c:v>
                </c:pt>
                <c:pt idx="154">
                  <c:v>81.243700000000004</c:v>
                </c:pt>
                <c:pt idx="155">
                  <c:v>81.099100000000007</c:v>
                </c:pt>
                <c:pt idx="156">
                  <c:v>80.9572</c:v>
                </c:pt>
                <c:pt idx="157">
                  <c:v>80.818299999999994</c:v>
                </c:pt>
                <c:pt idx="158">
                  <c:v>80.682199999999995</c:v>
                </c:pt>
                <c:pt idx="159">
                  <c:v>80.549199999999999</c:v>
                </c:pt>
                <c:pt idx="160">
                  <c:v>80.4191</c:v>
                </c:pt>
                <c:pt idx="161">
                  <c:v>80.292199999999994</c:v>
                </c:pt>
                <c:pt idx="162">
                  <c:v>80.168400000000005</c:v>
                </c:pt>
                <c:pt idx="163">
                  <c:v>80.047799999999995</c:v>
                </c:pt>
                <c:pt idx="164">
                  <c:v>79.915599999999998</c:v>
                </c:pt>
                <c:pt idx="165">
                  <c:v>79.781499999999994</c:v>
                </c:pt>
                <c:pt idx="166">
                  <c:v>79.650899999999993</c:v>
                </c:pt>
                <c:pt idx="167">
                  <c:v>79.523700000000005</c:v>
                </c:pt>
                <c:pt idx="168">
                  <c:v>79.400000000000006</c:v>
                </c:pt>
                <c:pt idx="169">
                  <c:v>79.279700000000005</c:v>
                </c:pt>
                <c:pt idx="170">
                  <c:v>79.162999999999997</c:v>
                </c:pt>
                <c:pt idx="171">
                  <c:v>79.049599999999998</c:v>
                </c:pt>
                <c:pt idx="172">
                  <c:v>78.939700000000002</c:v>
                </c:pt>
                <c:pt idx="173">
                  <c:v>78.833299999999994</c:v>
                </c:pt>
                <c:pt idx="174">
                  <c:v>78.730400000000003</c:v>
                </c:pt>
                <c:pt idx="175">
                  <c:v>78.630799999999994</c:v>
                </c:pt>
                <c:pt idx="176">
                  <c:v>78.534599999999998</c:v>
                </c:pt>
                <c:pt idx="177">
                  <c:v>78.441900000000004</c:v>
                </c:pt>
                <c:pt idx="178">
                  <c:v>78.352500000000006</c:v>
                </c:pt>
                <c:pt idx="179">
                  <c:v>78.266499999999994</c:v>
                </c:pt>
                <c:pt idx="180">
                  <c:v>78.183700000000002</c:v>
                </c:pt>
                <c:pt idx="181">
                  <c:v>78.104399999999998</c:v>
                </c:pt>
                <c:pt idx="182">
                  <c:v>78.027199999999993</c:v>
                </c:pt>
                <c:pt idx="183">
                  <c:v>77.952600000000004</c:v>
                </c:pt>
                <c:pt idx="184">
                  <c:v>77.881299999999996</c:v>
                </c:pt>
                <c:pt idx="185">
                  <c:v>77.813199999999995</c:v>
                </c:pt>
                <c:pt idx="186">
                  <c:v>77.748400000000004</c:v>
                </c:pt>
                <c:pt idx="187">
                  <c:v>77.686700000000002</c:v>
                </c:pt>
                <c:pt idx="188">
                  <c:v>77.628100000000003</c:v>
                </c:pt>
                <c:pt idx="189">
                  <c:v>77.572800000000001</c:v>
                </c:pt>
                <c:pt idx="190">
                  <c:v>77.520499999999998</c:v>
                </c:pt>
                <c:pt idx="191">
                  <c:v>77.471299999999999</c:v>
                </c:pt>
                <c:pt idx="192">
                  <c:v>77.425200000000004</c:v>
                </c:pt>
                <c:pt idx="193">
                  <c:v>77.382000000000005</c:v>
                </c:pt>
                <c:pt idx="194">
                  <c:v>77.341899999999995</c:v>
                </c:pt>
                <c:pt idx="195">
                  <c:v>77.304699999999997</c:v>
                </c:pt>
                <c:pt idx="196">
                  <c:v>77.270499999999998</c:v>
                </c:pt>
                <c:pt idx="197">
                  <c:v>77.239199999999997</c:v>
                </c:pt>
                <c:pt idx="198">
                  <c:v>77.210800000000006</c:v>
                </c:pt>
                <c:pt idx="199">
                  <c:v>77.185100000000006</c:v>
                </c:pt>
                <c:pt idx="200">
                  <c:v>77.162300000000002</c:v>
                </c:pt>
                <c:pt idx="201">
                  <c:v>77.142300000000006</c:v>
                </c:pt>
                <c:pt idx="202">
                  <c:v>77.125</c:v>
                </c:pt>
                <c:pt idx="203">
                  <c:v>77.110399999999998</c:v>
                </c:pt>
                <c:pt idx="204">
                  <c:v>77.098399999999998</c:v>
                </c:pt>
                <c:pt idx="205">
                  <c:v>77.089100000000002</c:v>
                </c:pt>
                <c:pt idx="206">
                  <c:v>77.082300000000004</c:v>
                </c:pt>
                <c:pt idx="207">
                  <c:v>77.078199999999995</c:v>
                </c:pt>
                <c:pt idx="208">
                  <c:v>77.076499999999996</c:v>
                </c:pt>
                <c:pt idx="209">
                  <c:v>77.077399999999997</c:v>
                </c:pt>
                <c:pt idx="210">
                  <c:v>77.080799999999996</c:v>
                </c:pt>
                <c:pt idx="211">
                  <c:v>77.086600000000004</c:v>
                </c:pt>
                <c:pt idx="212">
                  <c:v>77.094800000000006</c:v>
                </c:pt>
                <c:pt idx="213">
                  <c:v>77.105400000000003</c:v>
                </c:pt>
                <c:pt idx="214">
                  <c:v>77.118300000000005</c:v>
                </c:pt>
                <c:pt idx="215">
                  <c:v>77.133499999999998</c:v>
                </c:pt>
                <c:pt idx="216">
                  <c:v>77.150999999999996</c:v>
                </c:pt>
                <c:pt idx="217">
                  <c:v>77.1708</c:v>
                </c:pt>
                <c:pt idx="218">
                  <c:v>77.192800000000005</c:v>
                </c:pt>
                <c:pt idx="219">
                  <c:v>77.216899999999995</c:v>
                </c:pt>
                <c:pt idx="220">
                  <c:v>77.243200000000002</c:v>
                </c:pt>
                <c:pt idx="221">
                  <c:v>77.271600000000007</c:v>
                </c:pt>
                <c:pt idx="222">
                  <c:v>77.302099999999996</c:v>
                </c:pt>
                <c:pt idx="223">
                  <c:v>77.334699999999998</c:v>
                </c:pt>
                <c:pt idx="224">
                  <c:v>77.369299999999996</c:v>
                </c:pt>
                <c:pt idx="225">
                  <c:v>77.405900000000003</c:v>
                </c:pt>
                <c:pt idx="226">
                  <c:v>77.444299999999998</c:v>
                </c:pt>
                <c:pt idx="227">
                  <c:v>77.484800000000007</c:v>
                </c:pt>
                <c:pt idx="228">
                  <c:v>77.527100000000004</c:v>
                </c:pt>
                <c:pt idx="229">
                  <c:v>77.571399999999997</c:v>
                </c:pt>
                <c:pt idx="230">
                  <c:v>77.617500000000007</c:v>
                </c:pt>
                <c:pt idx="231">
                  <c:v>77.665499999999994</c:v>
                </c:pt>
                <c:pt idx="232">
                  <c:v>77.715299999999999</c:v>
                </c:pt>
                <c:pt idx="233">
                  <c:v>77.766999999999996</c:v>
                </c:pt>
                <c:pt idx="234">
                  <c:v>77.820400000000006</c:v>
                </c:pt>
                <c:pt idx="235">
                  <c:v>77.875600000000006</c:v>
                </c:pt>
                <c:pt idx="236">
                  <c:v>77.932500000000005</c:v>
                </c:pt>
                <c:pt idx="237">
                  <c:v>77.991100000000003</c:v>
                </c:pt>
                <c:pt idx="238">
                  <c:v>78.051500000000004</c:v>
                </c:pt>
                <c:pt idx="239">
                  <c:v>78.113500000000002</c:v>
                </c:pt>
                <c:pt idx="240">
                  <c:v>78.177199999999999</c:v>
                </c:pt>
                <c:pt idx="241">
                  <c:v>78.242599999999996</c:v>
                </c:pt>
                <c:pt idx="242">
                  <c:v>78.3095</c:v>
                </c:pt>
                <c:pt idx="243">
                  <c:v>78.378100000000003</c:v>
                </c:pt>
                <c:pt idx="244">
                  <c:v>78.448300000000003</c:v>
                </c:pt>
                <c:pt idx="245">
                  <c:v>78.52</c:v>
                </c:pt>
                <c:pt idx="246">
                  <c:v>78.593199999999996</c:v>
                </c:pt>
                <c:pt idx="247">
                  <c:v>78.667900000000003</c:v>
                </c:pt>
                <c:pt idx="248">
                  <c:v>78.744100000000003</c:v>
                </c:pt>
                <c:pt idx="249">
                  <c:v>78.821700000000007</c:v>
                </c:pt>
                <c:pt idx="250">
                  <c:v>78.900700000000001</c:v>
                </c:pt>
                <c:pt idx="251">
                  <c:v>78.980900000000005</c:v>
                </c:pt>
                <c:pt idx="252">
                  <c:v>79.062399999999997</c:v>
                </c:pt>
                <c:pt idx="253">
                  <c:v>79.145200000000003</c:v>
                </c:pt>
                <c:pt idx="254">
                  <c:v>79.229200000000006</c:v>
                </c:pt>
                <c:pt idx="255">
                  <c:v>79.314499999999995</c:v>
                </c:pt>
                <c:pt idx="256">
                  <c:v>79.400999999999996</c:v>
                </c:pt>
                <c:pt idx="257">
                  <c:v>79.488600000000005</c:v>
                </c:pt>
                <c:pt idx="258">
                  <c:v>79.577399999999997</c:v>
                </c:pt>
                <c:pt idx="259">
                  <c:v>79.667199999999994</c:v>
                </c:pt>
                <c:pt idx="260">
                  <c:v>79.758200000000002</c:v>
                </c:pt>
                <c:pt idx="261">
                  <c:v>79.850099999999998</c:v>
                </c:pt>
                <c:pt idx="262">
                  <c:v>79.942999999999998</c:v>
                </c:pt>
                <c:pt idx="263">
                  <c:v>80.036600000000007</c:v>
                </c:pt>
                <c:pt idx="264">
                  <c:v>80.131</c:v>
                </c:pt>
                <c:pt idx="265">
                  <c:v>80.226299999999995</c:v>
                </c:pt>
                <c:pt idx="266">
                  <c:v>80.322500000000005</c:v>
                </c:pt>
                <c:pt idx="267">
                  <c:v>80.419499999999999</c:v>
                </c:pt>
                <c:pt idx="268">
                  <c:v>80.517200000000003</c:v>
                </c:pt>
                <c:pt idx="269">
                  <c:v>80.615799999999993</c:v>
                </c:pt>
                <c:pt idx="270">
                  <c:v>80.715000000000003</c:v>
                </c:pt>
                <c:pt idx="271">
                  <c:v>80.814999999999998</c:v>
                </c:pt>
                <c:pt idx="272">
                  <c:v>80.915599999999998</c:v>
                </c:pt>
                <c:pt idx="273">
                  <c:v>81.016800000000003</c:v>
                </c:pt>
                <c:pt idx="274">
                  <c:v>81.118700000000004</c:v>
                </c:pt>
                <c:pt idx="275">
                  <c:v>81.221199999999996</c:v>
                </c:pt>
                <c:pt idx="276">
                  <c:v>81.324200000000005</c:v>
                </c:pt>
                <c:pt idx="277">
                  <c:v>81.427800000000005</c:v>
                </c:pt>
                <c:pt idx="278">
                  <c:v>81.531999999999996</c:v>
                </c:pt>
                <c:pt idx="279">
                  <c:v>81.636600000000001</c:v>
                </c:pt>
                <c:pt idx="280">
                  <c:v>81.741699999999994</c:v>
                </c:pt>
                <c:pt idx="281">
                  <c:v>81.847200000000001</c:v>
                </c:pt>
                <c:pt idx="282">
                  <c:v>81.953100000000006</c:v>
                </c:pt>
                <c:pt idx="283">
                  <c:v>82.0595</c:v>
                </c:pt>
                <c:pt idx="284">
                  <c:v>82.166300000000007</c:v>
                </c:pt>
                <c:pt idx="285">
                  <c:v>82.273499999999999</c:v>
                </c:pt>
                <c:pt idx="286">
                  <c:v>82.381100000000004</c:v>
                </c:pt>
                <c:pt idx="287">
                  <c:v>82.489000000000004</c:v>
                </c:pt>
                <c:pt idx="288">
                  <c:v>82.597300000000004</c:v>
                </c:pt>
                <c:pt idx="289">
                  <c:v>82.706000000000003</c:v>
                </c:pt>
                <c:pt idx="290">
                  <c:v>82.814999999999998</c:v>
                </c:pt>
                <c:pt idx="291">
                  <c:v>82.924300000000002</c:v>
                </c:pt>
                <c:pt idx="292">
                  <c:v>83.033900000000003</c:v>
                </c:pt>
                <c:pt idx="293">
                  <c:v>83.143699999999995</c:v>
                </c:pt>
                <c:pt idx="294">
                  <c:v>83.253900000000002</c:v>
                </c:pt>
                <c:pt idx="295">
                  <c:v>83.3643</c:v>
                </c:pt>
                <c:pt idx="296">
                  <c:v>83.474900000000005</c:v>
                </c:pt>
                <c:pt idx="297">
                  <c:v>83.585800000000006</c:v>
                </c:pt>
                <c:pt idx="298">
                  <c:v>83.696799999999996</c:v>
                </c:pt>
                <c:pt idx="299">
                  <c:v>83.808099999999996</c:v>
                </c:pt>
                <c:pt idx="300">
                  <c:v>83.919499999999999</c:v>
                </c:pt>
                <c:pt idx="301">
                  <c:v>84.031199999999998</c:v>
                </c:pt>
                <c:pt idx="302">
                  <c:v>84.142899999999997</c:v>
                </c:pt>
                <c:pt idx="303">
                  <c:v>84.254900000000006</c:v>
                </c:pt>
                <c:pt idx="304">
                  <c:v>84.366900000000001</c:v>
                </c:pt>
                <c:pt idx="305">
                  <c:v>84.479100000000003</c:v>
                </c:pt>
                <c:pt idx="306">
                  <c:v>84.591399999999993</c:v>
                </c:pt>
                <c:pt idx="307">
                  <c:v>84.703699999999998</c:v>
                </c:pt>
                <c:pt idx="308">
                  <c:v>84.816199999999995</c:v>
                </c:pt>
                <c:pt idx="309">
                  <c:v>84.928700000000006</c:v>
                </c:pt>
                <c:pt idx="310">
                  <c:v>85.041300000000007</c:v>
                </c:pt>
                <c:pt idx="311">
                  <c:v>85.153999999999996</c:v>
                </c:pt>
                <c:pt idx="312">
                  <c:v>85.266599999999997</c:v>
                </c:pt>
                <c:pt idx="313">
                  <c:v>85.379300000000001</c:v>
                </c:pt>
                <c:pt idx="314">
                  <c:v>85.491900000000001</c:v>
                </c:pt>
                <c:pt idx="315">
                  <c:v>85.604200000000006</c:v>
                </c:pt>
                <c:pt idx="316">
                  <c:v>85.7166</c:v>
                </c:pt>
                <c:pt idx="317">
                  <c:v>85.828800000000001</c:v>
                </c:pt>
                <c:pt idx="318">
                  <c:v>85.941100000000006</c:v>
                </c:pt>
                <c:pt idx="319">
                  <c:v>86.053299999999993</c:v>
                </c:pt>
                <c:pt idx="320">
                  <c:v>86.165400000000005</c:v>
                </c:pt>
                <c:pt idx="321">
                  <c:v>86.277500000000003</c:v>
                </c:pt>
                <c:pt idx="322">
                  <c:v>86.389399999999995</c:v>
                </c:pt>
                <c:pt idx="323">
                  <c:v>86.501300000000001</c:v>
                </c:pt>
                <c:pt idx="324">
                  <c:v>86.613100000000003</c:v>
                </c:pt>
                <c:pt idx="325">
                  <c:v>86.724699999999999</c:v>
                </c:pt>
                <c:pt idx="326">
                  <c:v>86.836200000000005</c:v>
                </c:pt>
                <c:pt idx="327">
                  <c:v>86.947599999999994</c:v>
                </c:pt>
                <c:pt idx="328">
                  <c:v>87.058800000000005</c:v>
                </c:pt>
                <c:pt idx="329">
                  <c:v>87.169899999999998</c:v>
                </c:pt>
                <c:pt idx="330">
                  <c:v>87.280799999999999</c:v>
                </c:pt>
                <c:pt idx="331">
                  <c:v>87.391599999999997</c:v>
                </c:pt>
                <c:pt idx="332">
                  <c:v>87.502099999999999</c:v>
                </c:pt>
                <c:pt idx="333">
                  <c:v>87.612499999999997</c:v>
                </c:pt>
                <c:pt idx="334">
                  <c:v>87.7226</c:v>
                </c:pt>
                <c:pt idx="335">
                  <c:v>87.832499999999996</c:v>
                </c:pt>
                <c:pt idx="336">
                  <c:v>87.942300000000003</c:v>
                </c:pt>
                <c:pt idx="337">
                  <c:v>88.051599999999993</c:v>
                </c:pt>
                <c:pt idx="338">
                  <c:v>88.160799999999995</c:v>
                </c:pt>
                <c:pt idx="339">
                  <c:v>88.2697</c:v>
                </c:pt>
                <c:pt idx="340">
                  <c:v>88.378399999999999</c:v>
                </c:pt>
                <c:pt idx="341">
                  <c:v>88.486999999999995</c:v>
                </c:pt>
                <c:pt idx="342">
                  <c:v>88.595299999999995</c:v>
                </c:pt>
                <c:pt idx="343">
                  <c:v>88.703199999999995</c:v>
                </c:pt>
                <c:pt idx="344">
                  <c:v>88.8108</c:v>
                </c:pt>
                <c:pt idx="345">
                  <c:v>88.918099999999995</c:v>
                </c:pt>
                <c:pt idx="346">
                  <c:v>89.025199999999998</c:v>
                </c:pt>
                <c:pt idx="347">
                  <c:v>89.131799999999998</c:v>
                </c:pt>
                <c:pt idx="348">
                  <c:v>89.238200000000006</c:v>
                </c:pt>
                <c:pt idx="349">
                  <c:v>89.344300000000004</c:v>
                </c:pt>
                <c:pt idx="350">
                  <c:v>89.4499</c:v>
                </c:pt>
                <c:pt idx="351">
                  <c:v>89.555300000000003</c:v>
                </c:pt>
                <c:pt idx="352">
                  <c:v>89.660300000000007</c:v>
                </c:pt>
                <c:pt idx="353">
                  <c:v>89.765000000000001</c:v>
                </c:pt>
                <c:pt idx="354">
                  <c:v>89.869200000000006</c:v>
                </c:pt>
                <c:pt idx="355">
                  <c:v>89.972999999999999</c:v>
                </c:pt>
                <c:pt idx="356">
                  <c:v>90.076499999999996</c:v>
                </c:pt>
                <c:pt idx="357">
                  <c:v>90.179500000000004</c:v>
                </c:pt>
                <c:pt idx="358">
                  <c:v>90.282200000000003</c:v>
                </c:pt>
                <c:pt idx="359">
                  <c:v>90.384500000000003</c:v>
                </c:pt>
                <c:pt idx="360">
                  <c:v>90.4863</c:v>
                </c:pt>
                <c:pt idx="361">
                  <c:v>90.587800000000001</c:v>
                </c:pt>
                <c:pt idx="362">
                  <c:v>90.688800000000001</c:v>
                </c:pt>
                <c:pt idx="363">
                  <c:v>90.789400000000001</c:v>
                </c:pt>
                <c:pt idx="364">
                  <c:v>90.889600000000002</c:v>
                </c:pt>
                <c:pt idx="365">
                  <c:v>90.989400000000003</c:v>
                </c:pt>
                <c:pt idx="366">
                  <c:v>91.088700000000003</c:v>
                </c:pt>
                <c:pt idx="367">
                  <c:v>91.1875</c:v>
                </c:pt>
                <c:pt idx="368">
                  <c:v>91.286000000000001</c:v>
                </c:pt>
                <c:pt idx="369">
                  <c:v>91.383899999999997</c:v>
                </c:pt>
                <c:pt idx="370">
                  <c:v>91.481399999999994</c:v>
                </c:pt>
                <c:pt idx="371">
                  <c:v>91.578400000000002</c:v>
                </c:pt>
                <c:pt idx="372">
                  <c:v>91.674999999999997</c:v>
                </c:pt>
                <c:pt idx="373">
                  <c:v>91.771100000000004</c:v>
                </c:pt>
                <c:pt idx="374">
                  <c:v>91.866699999999994</c:v>
                </c:pt>
                <c:pt idx="375">
                  <c:v>91.961799999999997</c:v>
                </c:pt>
                <c:pt idx="376">
                  <c:v>92.056399999999996</c:v>
                </c:pt>
                <c:pt idx="377">
                  <c:v>92.150499999999994</c:v>
                </c:pt>
                <c:pt idx="378">
                  <c:v>92.244200000000006</c:v>
                </c:pt>
                <c:pt idx="379">
                  <c:v>92.337299999999999</c:v>
                </c:pt>
                <c:pt idx="380">
                  <c:v>92.429900000000004</c:v>
                </c:pt>
                <c:pt idx="381">
                  <c:v>92.522000000000006</c:v>
                </c:pt>
                <c:pt idx="382">
                  <c:v>92.613600000000005</c:v>
                </c:pt>
                <c:pt idx="383">
                  <c:v>92.704700000000003</c:v>
                </c:pt>
                <c:pt idx="384">
                  <c:v>92.795299999999997</c:v>
                </c:pt>
                <c:pt idx="385">
                  <c:v>92.885300000000001</c:v>
                </c:pt>
                <c:pt idx="386">
                  <c:v>92.974800000000002</c:v>
                </c:pt>
                <c:pt idx="387">
                  <c:v>93.063699999999997</c:v>
                </c:pt>
                <c:pt idx="388">
                  <c:v>93.152199999999993</c:v>
                </c:pt>
                <c:pt idx="389">
                  <c:v>93.240099999999998</c:v>
                </c:pt>
                <c:pt idx="390">
                  <c:v>93.327399999999997</c:v>
                </c:pt>
                <c:pt idx="391">
                  <c:v>93.414199999999994</c:v>
                </c:pt>
                <c:pt idx="392">
                  <c:v>93.500399999999999</c:v>
                </c:pt>
                <c:pt idx="393">
                  <c:v>93.586100000000002</c:v>
                </c:pt>
                <c:pt idx="394">
                  <c:v>93.671199999999999</c:v>
                </c:pt>
                <c:pt idx="395">
                  <c:v>93.755799999999994</c:v>
                </c:pt>
                <c:pt idx="396">
                  <c:v>93.839799999999997</c:v>
                </c:pt>
                <c:pt idx="397">
                  <c:v>93.923199999999994</c:v>
                </c:pt>
                <c:pt idx="398">
                  <c:v>94.006100000000004</c:v>
                </c:pt>
                <c:pt idx="399">
                  <c:v>94.088399999999993</c:v>
                </c:pt>
                <c:pt idx="400">
                  <c:v>94.170100000000005</c:v>
                </c:pt>
                <c:pt idx="401">
                  <c:v>94.251199999999997</c:v>
                </c:pt>
                <c:pt idx="402">
                  <c:v>94.331599999999995</c:v>
                </c:pt>
                <c:pt idx="403">
                  <c:v>94.4114</c:v>
                </c:pt>
                <c:pt idx="404">
                  <c:v>94.490700000000004</c:v>
                </c:pt>
                <c:pt idx="405">
                  <c:v>94.569299999999998</c:v>
                </c:pt>
                <c:pt idx="406">
                  <c:v>94.647400000000005</c:v>
                </c:pt>
                <c:pt idx="407">
                  <c:v>94.724900000000005</c:v>
                </c:pt>
                <c:pt idx="408">
                  <c:v>94.8018</c:v>
                </c:pt>
                <c:pt idx="409">
                  <c:v>94.878100000000003</c:v>
                </c:pt>
                <c:pt idx="410">
                  <c:v>94.953800000000001</c:v>
                </c:pt>
                <c:pt idx="411">
                  <c:v>95.028999999999996</c:v>
                </c:pt>
                <c:pt idx="412">
                  <c:v>95.103499999999997</c:v>
                </c:pt>
                <c:pt idx="413">
                  <c:v>95.177400000000006</c:v>
                </c:pt>
                <c:pt idx="414">
                  <c:v>95.250699999999995</c:v>
                </c:pt>
                <c:pt idx="415">
                  <c:v>95.323499999999996</c:v>
                </c:pt>
                <c:pt idx="416">
                  <c:v>95.395600000000002</c:v>
                </c:pt>
                <c:pt idx="417">
                  <c:v>95.467100000000002</c:v>
                </c:pt>
                <c:pt idx="418">
                  <c:v>95.537999999999997</c:v>
                </c:pt>
                <c:pt idx="419">
                  <c:v>95.608400000000003</c:v>
                </c:pt>
                <c:pt idx="420">
                  <c:v>95.678100000000001</c:v>
                </c:pt>
                <c:pt idx="421">
                  <c:v>95.747200000000007</c:v>
                </c:pt>
                <c:pt idx="422">
                  <c:v>95.815700000000007</c:v>
                </c:pt>
                <c:pt idx="423">
                  <c:v>95.883499999999998</c:v>
                </c:pt>
                <c:pt idx="424">
                  <c:v>95.950800000000001</c:v>
                </c:pt>
                <c:pt idx="425">
                  <c:v>96.017499999999998</c:v>
                </c:pt>
                <c:pt idx="426">
                  <c:v>96.083600000000004</c:v>
                </c:pt>
                <c:pt idx="427">
                  <c:v>96.149000000000001</c:v>
                </c:pt>
                <c:pt idx="428">
                  <c:v>96.213899999999995</c:v>
                </c:pt>
                <c:pt idx="429">
                  <c:v>96.278099999999995</c:v>
                </c:pt>
                <c:pt idx="430">
                  <c:v>96.341700000000003</c:v>
                </c:pt>
                <c:pt idx="431">
                  <c:v>96.404799999999994</c:v>
                </c:pt>
                <c:pt idx="432">
                  <c:v>96.467200000000005</c:v>
                </c:pt>
                <c:pt idx="433">
                  <c:v>96.528999999999996</c:v>
                </c:pt>
                <c:pt idx="434">
                  <c:v>96.590199999999996</c:v>
                </c:pt>
                <c:pt idx="435">
                  <c:v>96.650800000000004</c:v>
                </c:pt>
                <c:pt idx="436">
                  <c:v>96.710700000000003</c:v>
                </c:pt>
                <c:pt idx="437">
                  <c:v>96.770099999999999</c:v>
                </c:pt>
                <c:pt idx="438">
                  <c:v>96.828900000000004</c:v>
                </c:pt>
                <c:pt idx="439">
                  <c:v>96.887</c:v>
                </c:pt>
                <c:pt idx="440">
                  <c:v>96.944599999999994</c:v>
                </c:pt>
                <c:pt idx="441">
                  <c:v>97.001499999999993</c:v>
                </c:pt>
                <c:pt idx="442">
                  <c:v>97.057900000000004</c:v>
                </c:pt>
                <c:pt idx="443">
                  <c:v>97.113600000000005</c:v>
                </c:pt>
                <c:pt idx="444">
                  <c:v>97.168800000000005</c:v>
                </c:pt>
                <c:pt idx="445">
                  <c:v>97.223299999999995</c:v>
                </c:pt>
                <c:pt idx="446">
                  <c:v>97.277199999999993</c:v>
                </c:pt>
                <c:pt idx="447">
                  <c:v>97.330600000000004</c:v>
                </c:pt>
                <c:pt idx="448">
                  <c:v>97.383300000000006</c:v>
                </c:pt>
                <c:pt idx="449">
                  <c:v>97.435500000000005</c:v>
                </c:pt>
                <c:pt idx="450">
                  <c:v>97.487099999999998</c:v>
                </c:pt>
                <c:pt idx="451">
                  <c:v>97.537999999999997</c:v>
                </c:pt>
                <c:pt idx="452">
                  <c:v>97.588399999999993</c:v>
                </c:pt>
                <c:pt idx="453">
                  <c:v>97.638199999999998</c:v>
                </c:pt>
                <c:pt idx="454">
                  <c:v>97.687399999999997</c:v>
                </c:pt>
                <c:pt idx="455">
                  <c:v>97.736099999999993</c:v>
                </c:pt>
                <c:pt idx="456">
                  <c:v>97.784099999999995</c:v>
                </c:pt>
                <c:pt idx="457">
                  <c:v>97.831599999999995</c:v>
                </c:pt>
                <c:pt idx="458">
                  <c:v>97.878399999999999</c:v>
                </c:pt>
                <c:pt idx="459">
                  <c:v>97.924700000000001</c:v>
                </c:pt>
                <c:pt idx="460">
                  <c:v>97.970399999999998</c:v>
                </c:pt>
                <c:pt idx="461">
                  <c:v>98.015600000000006</c:v>
                </c:pt>
                <c:pt idx="462">
                  <c:v>98.060199999999995</c:v>
                </c:pt>
                <c:pt idx="463">
                  <c:v>98.104200000000006</c:v>
                </c:pt>
                <c:pt idx="464">
                  <c:v>98.147599999999997</c:v>
                </c:pt>
                <c:pt idx="465">
                  <c:v>98.190399999999997</c:v>
                </c:pt>
                <c:pt idx="466">
                  <c:v>98.232699999999994</c:v>
                </c:pt>
                <c:pt idx="467">
                  <c:v>98.274500000000003</c:v>
                </c:pt>
                <c:pt idx="468">
                  <c:v>98.315600000000003</c:v>
                </c:pt>
                <c:pt idx="469">
                  <c:v>98.356200000000001</c:v>
                </c:pt>
                <c:pt idx="470">
                  <c:v>98.396299999999997</c:v>
                </c:pt>
                <c:pt idx="471">
                  <c:v>98.4358</c:v>
                </c:pt>
                <c:pt idx="472">
                  <c:v>98.474699999999999</c:v>
                </c:pt>
                <c:pt idx="473">
                  <c:v>98.513099999999994</c:v>
                </c:pt>
                <c:pt idx="474">
                  <c:v>98.550899999999999</c:v>
                </c:pt>
                <c:pt idx="475">
                  <c:v>98.588200000000001</c:v>
                </c:pt>
                <c:pt idx="476">
                  <c:v>98.624899999999997</c:v>
                </c:pt>
                <c:pt idx="477">
                  <c:v>98.661100000000005</c:v>
                </c:pt>
                <c:pt idx="478">
                  <c:v>98.696700000000007</c:v>
                </c:pt>
                <c:pt idx="479">
                  <c:v>98.731800000000007</c:v>
                </c:pt>
                <c:pt idx="480">
                  <c:v>98.766400000000004</c:v>
                </c:pt>
                <c:pt idx="481">
                  <c:v>98.800399999999996</c:v>
                </c:pt>
                <c:pt idx="482">
                  <c:v>98.8339</c:v>
                </c:pt>
                <c:pt idx="483">
                  <c:v>98.866900000000001</c:v>
                </c:pt>
                <c:pt idx="484">
                  <c:v>98.899299999999997</c:v>
                </c:pt>
                <c:pt idx="485">
                  <c:v>98.931200000000004</c:v>
                </c:pt>
                <c:pt idx="486">
                  <c:v>98.962599999999995</c:v>
                </c:pt>
                <c:pt idx="487">
                  <c:v>98.993399999999994</c:v>
                </c:pt>
                <c:pt idx="488">
                  <c:v>99.023700000000005</c:v>
                </c:pt>
                <c:pt idx="489">
                  <c:v>99.0535</c:v>
                </c:pt>
                <c:pt idx="490">
                  <c:v>99.082800000000006</c:v>
                </c:pt>
                <c:pt idx="491">
                  <c:v>99.111599999999996</c:v>
                </c:pt>
                <c:pt idx="492">
                  <c:v>99.139799999999994</c:v>
                </c:pt>
                <c:pt idx="493">
                  <c:v>99.167599999999993</c:v>
                </c:pt>
                <c:pt idx="494">
                  <c:v>99.194800000000001</c:v>
                </c:pt>
                <c:pt idx="495">
                  <c:v>99.221500000000006</c:v>
                </c:pt>
                <c:pt idx="496">
                  <c:v>99.247699999999995</c:v>
                </c:pt>
                <c:pt idx="497">
                  <c:v>99.273499999999999</c:v>
                </c:pt>
                <c:pt idx="498">
                  <c:v>99.298699999999997</c:v>
                </c:pt>
                <c:pt idx="499">
                  <c:v>99.323400000000007</c:v>
                </c:pt>
                <c:pt idx="500">
                  <c:v>99.3476</c:v>
                </c:pt>
                <c:pt idx="501">
                  <c:v>99.371300000000005</c:v>
                </c:pt>
                <c:pt idx="502">
                  <c:v>99.394599999999997</c:v>
                </c:pt>
                <c:pt idx="503">
                  <c:v>99.417299999999997</c:v>
                </c:pt>
                <c:pt idx="504">
                  <c:v>99.439599999999999</c:v>
                </c:pt>
                <c:pt idx="505">
                  <c:v>99.461399999999998</c:v>
                </c:pt>
                <c:pt idx="506">
                  <c:v>99.482699999999994</c:v>
                </c:pt>
                <c:pt idx="507">
                  <c:v>99.503500000000003</c:v>
                </c:pt>
                <c:pt idx="508">
                  <c:v>99.523799999999994</c:v>
                </c:pt>
                <c:pt idx="509">
                  <c:v>99.543700000000001</c:v>
                </c:pt>
                <c:pt idx="510">
                  <c:v>99.563100000000006</c:v>
                </c:pt>
                <c:pt idx="511">
                  <c:v>99.581999999999994</c:v>
                </c:pt>
                <c:pt idx="512">
                  <c:v>99.600399999999993</c:v>
                </c:pt>
                <c:pt idx="513">
                  <c:v>99.618399999999994</c:v>
                </c:pt>
                <c:pt idx="514">
                  <c:v>99.635900000000007</c:v>
                </c:pt>
                <c:pt idx="515">
                  <c:v>99.653000000000006</c:v>
                </c:pt>
                <c:pt idx="516">
                  <c:v>99.669600000000003</c:v>
                </c:pt>
                <c:pt idx="517">
                  <c:v>99.685699999999997</c:v>
                </c:pt>
                <c:pt idx="518">
                  <c:v>99.701400000000007</c:v>
                </c:pt>
                <c:pt idx="519">
                  <c:v>99.7166</c:v>
                </c:pt>
                <c:pt idx="520">
                  <c:v>99.731399999999994</c:v>
                </c:pt>
                <c:pt idx="521">
                  <c:v>99.745699999999999</c:v>
                </c:pt>
                <c:pt idx="522">
                  <c:v>99.759600000000006</c:v>
                </c:pt>
                <c:pt idx="523">
                  <c:v>99.772999999999996</c:v>
                </c:pt>
                <c:pt idx="524">
                  <c:v>99.786000000000001</c:v>
                </c:pt>
                <c:pt idx="525">
                  <c:v>99.798599999999993</c:v>
                </c:pt>
                <c:pt idx="526">
                  <c:v>99.810699999999997</c:v>
                </c:pt>
                <c:pt idx="527">
                  <c:v>99.822400000000002</c:v>
                </c:pt>
                <c:pt idx="528">
                  <c:v>99.833699999999993</c:v>
                </c:pt>
                <c:pt idx="529">
                  <c:v>99.844499999999996</c:v>
                </c:pt>
                <c:pt idx="530">
                  <c:v>99.854900000000001</c:v>
                </c:pt>
                <c:pt idx="531">
                  <c:v>99.864900000000006</c:v>
                </c:pt>
                <c:pt idx="532">
                  <c:v>99.874499999999998</c:v>
                </c:pt>
                <c:pt idx="533">
                  <c:v>99.883600000000001</c:v>
                </c:pt>
                <c:pt idx="534">
                  <c:v>99.892399999999995</c:v>
                </c:pt>
                <c:pt idx="535">
                  <c:v>99.900700000000001</c:v>
                </c:pt>
                <c:pt idx="536">
                  <c:v>99.908600000000007</c:v>
                </c:pt>
                <c:pt idx="537">
                  <c:v>99.916200000000003</c:v>
                </c:pt>
                <c:pt idx="538">
                  <c:v>99.923299999999998</c:v>
                </c:pt>
                <c:pt idx="539">
                  <c:v>99.93</c:v>
                </c:pt>
                <c:pt idx="540">
                  <c:v>99.936300000000003</c:v>
                </c:pt>
                <c:pt idx="541">
                  <c:v>99.9422</c:v>
                </c:pt>
                <c:pt idx="542">
                  <c:v>99.947800000000001</c:v>
                </c:pt>
                <c:pt idx="543">
                  <c:v>99.9529</c:v>
                </c:pt>
                <c:pt idx="544">
                  <c:v>99.957599999999999</c:v>
                </c:pt>
                <c:pt idx="545">
                  <c:v>99.962000000000003</c:v>
                </c:pt>
                <c:pt idx="546">
                  <c:v>99.965999999999994</c:v>
                </c:pt>
                <c:pt idx="547">
                  <c:v>99.9696</c:v>
                </c:pt>
                <c:pt idx="548">
                  <c:v>99.972800000000007</c:v>
                </c:pt>
                <c:pt idx="549">
                  <c:v>99.975700000000003</c:v>
                </c:pt>
                <c:pt idx="550">
                  <c:v>99.978200000000001</c:v>
                </c:pt>
                <c:pt idx="551">
                  <c:v>99.9803</c:v>
                </c:pt>
                <c:pt idx="552">
                  <c:v>99.982100000000003</c:v>
                </c:pt>
                <c:pt idx="553">
                  <c:v>99.983500000000006</c:v>
                </c:pt>
                <c:pt idx="554">
                  <c:v>99.984499999999997</c:v>
                </c:pt>
                <c:pt idx="555">
                  <c:v>99.985200000000006</c:v>
                </c:pt>
                <c:pt idx="556">
                  <c:v>99.985500000000002</c:v>
                </c:pt>
                <c:pt idx="557">
                  <c:v>99.985399999999998</c:v>
                </c:pt>
                <c:pt idx="558">
                  <c:v>99.984999999999999</c:v>
                </c:pt>
                <c:pt idx="559">
                  <c:v>99.984300000000005</c:v>
                </c:pt>
                <c:pt idx="560">
                  <c:v>99.983199999999997</c:v>
                </c:pt>
                <c:pt idx="561">
                  <c:v>99.981800000000007</c:v>
                </c:pt>
                <c:pt idx="562">
                  <c:v>99.980099999999993</c:v>
                </c:pt>
                <c:pt idx="563">
                  <c:v>99.977999999999994</c:v>
                </c:pt>
                <c:pt idx="564">
                  <c:v>99.975499999999997</c:v>
                </c:pt>
                <c:pt idx="565">
                  <c:v>99.972800000000007</c:v>
                </c:pt>
                <c:pt idx="566">
                  <c:v>99.969700000000003</c:v>
                </c:pt>
                <c:pt idx="567">
                  <c:v>99.966300000000004</c:v>
                </c:pt>
                <c:pt idx="568">
                  <c:v>99.962500000000006</c:v>
                </c:pt>
                <c:pt idx="569">
                  <c:v>99.958500000000001</c:v>
                </c:pt>
                <c:pt idx="570">
                  <c:v>99.954099999999997</c:v>
                </c:pt>
                <c:pt idx="571">
                  <c:v>99.949399999999997</c:v>
                </c:pt>
                <c:pt idx="572">
                  <c:v>99.944400000000002</c:v>
                </c:pt>
                <c:pt idx="573">
                  <c:v>99.938999999999993</c:v>
                </c:pt>
                <c:pt idx="574">
                  <c:v>99.933400000000006</c:v>
                </c:pt>
                <c:pt idx="575">
                  <c:v>99.927499999999995</c:v>
                </c:pt>
                <c:pt idx="576">
                  <c:v>99.921199999999999</c:v>
                </c:pt>
                <c:pt idx="577">
                  <c:v>99.914699999999996</c:v>
                </c:pt>
                <c:pt idx="578">
                  <c:v>99.907799999999995</c:v>
                </c:pt>
                <c:pt idx="579">
                  <c:v>99.900700000000001</c:v>
                </c:pt>
                <c:pt idx="580">
                  <c:v>99.893299999999996</c:v>
                </c:pt>
                <c:pt idx="581">
                  <c:v>99.885599999999997</c:v>
                </c:pt>
                <c:pt idx="582">
                  <c:v>99.877499999999998</c:v>
                </c:pt>
                <c:pt idx="583">
                  <c:v>99.869200000000006</c:v>
                </c:pt>
                <c:pt idx="584">
                  <c:v>99.860699999999994</c:v>
                </c:pt>
                <c:pt idx="585">
                  <c:v>99.851799999999997</c:v>
                </c:pt>
                <c:pt idx="586">
                  <c:v>99.842699999999994</c:v>
                </c:pt>
                <c:pt idx="587">
                  <c:v>99.833200000000005</c:v>
                </c:pt>
                <c:pt idx="588">
                  <c:v>99.823499999999996</c:v>
                </c:pt>
                <c:pt idx="589">
                  <c:v>99.813599999999994</c:v>
                </c:pt>
                <c:pt idx="590">
                  <c:v>99.803299999999993</c:v>
                </c:pt>
                <c:pt idx="591">
                  <c:v>99.7928</c:v>
                </c:pt>
                <c:pt idx="592">
                  <c:v>99.781999999999996</c:v>
                </c:pt>
                <c:pt idx="593">
                  <c:v>99.771000000000001</c:v>
                </c:pt>
                <c:pt idx="594">
                  <c:v>99.759699999999995</c:v>
                </c:pt>
                <c:pt idx="595">
                  <c:v>99.748099999999994</c:v>
                </c:pt>
                <c:pt idx="596">
                  <c:v>99.7363</c:v>
                </c:pt>
                <c:pt idx="597">
                  <c:v>99.724199999999996</c:v>
                </c:pt>
                <c:pt idx="598">
                  <c:v>99.7119</c:v>
                </c:pt>
                <c:pt idx="599">
                  <c:v>99.699299999999994</c:v>
                </c:pt>
                <c:pt idx="600">
                  <c:v>99.686499999999995</c:v>
                </c:pt>
                <c:pt idx="601">
                  <c:v>99.673400000000001</c:v>
                </c:pt>
                <c:pt idx="602">
                  <c:v>99.6601</c:v>
                </c:pt>
                <c:pt idx="603">
                  <c:v>99.646500000000003</c:v>
                </c:pt>
                <c:pt idx="604">
                  <c:v>99.6327</c:v>
                </c:pt>
                <c:pt idx="605">
                  <c:v>99.618600000000001</c:v>
                </c:pt>
                <c:pt idx="606">
                  <c:v>99.604299999999995</c:v>
                </c:pt>
                <c:pt idx="607">
                  <c:v>99.589799999999997</c:v>
                </c:pt>
                <c:pt idx="608">
                  <c:v>99.575000000000003</c:v>
                </c:pt>
                <c:pt idx="609">
                  <c:v>99.56</c:v>
                </c:pt>
                <c:pt idx="610">
                  <c:v>99.544799999999995</c:v>
                </c:pt>
                <c:pt idx="611">
                  <c:v>99.529300000000006</c:v>
                </c:pt>
                <c:pt idx="612">
                  <c:v>99.513599999999997</c:v>
                </c:pt>
                <c:pt idx="613">
                  <c:v>99.497699999999995</c:v>
                </c:pt>
                <c:pt idx="614">
                  <c:v>99.4816</c:v>
                </c:pt>
                <c:pt idx="615">
                  <c:v>99.465199999999996</c:v>
                </c:pt>
                <c:pt idx="616">
                  <c:v>99.448700000000002</c:v>
                </c:pt>
                <c:pt idx="617">
                  <c:v>99.431899999999999</c:v>
                </c:pt>
                <c:pt idx="618">
                  <c:v>99.414900000000003</c:v>
                </c:pt>
                <c:pt idx="619">
                  <c:v>99.3977</c:v>
                </c:pt>
                <c:pt idx="620">
                  <c:v>99.380200000000002</c:v>
                </c:pt>
                <c:pt idx="621">
                  <c:v>99.3626</c:v>
                </c:pt>
                <c:pt idx="622">
                  <c:v>99.344800000000006</c:v>
                </c:pt>
                <c:pt idx="623">
                  <c:v>99.326700000000002</c:v>
                </c:pt>
                <c:pt idx="624">
                  <c:v>99.308400000000006</c:v>
                </c:pt>
                <c:pt idx="625">
                  <c:v>99.29</c:v>
                </c:pt>
                <c:pt idx="626">
                  <c:v>99.271299999999997</c:v>
                </c:pt>
                <c:pt idx="627">
                  <c:v>99.252399999999994</c:v>
                </c:pt>
                <c:pt idx="628">
                  <c:v>99.2333</c:v>
                </c:pt>
                <c:pt idx="629">
                  <c:v>99.214100000000002</c:v>
                </c:pt>
                <c:pt idx="630">
                  <c:v>99.194599999999994</c:v>
                </c:pt>
                <c:pt idx="631">
                  <c:v>99.174899999999994</c:v>
                </c:pt>
                <c:pt idx="632">
                  <c:v>99.155100000000004</c:v>
                </c:pt>
                <c:pt idx="633">
                  <c:v>99.135000000000005</c:v>
                </c:pt>
                <c:pt idx="634">
                  <c:v>99.114800000000002</c:v>
                </c:pt>
                <c:pt idx="635">
                  <c:v>99.094300000000004</c:v>
                </c:pt>
                <c:pt idx="636">
                  <c:v>99.073700000000002</c:v>
                </c:pt>
                <c:pt idx="637">
                  <c:v>99.052899999999994</c:v>
                </c:pt>
                <c:pt idx="638">
                  <c:v>99.031899999999993</c:v>
                </c:pt>
                <c:pt idx="639">
                  <c:v>99.0107</c:v>
                </c:pt>
                <c:pt idx="640">
                  <c:v>98.989400000000003</c:v>
                </c:pt>
                <c:pt idx="641">
                  <c:v>98.967799999999997</c:v>
                </c:pt>
                <c:pt idx="642">
                  <c:v>98.946100000000001</c:v>
                </c:pt>
                <c:pt idx="643">
                  <c:v>98.924199999999999</c:v>
                </c:pt>
                <c:pt idx="644">
                  <c:v>98.902100000000004</c:v>
                </c:pt>
                <c:pt idx="645">
                  <c:v>98.879900000000006</c:v>
                </c:pt>
                <c:pt idx="646">
                  <c:v>98.857500000000002</c:v>
                </c:pt>
                <c:pt idx="647">
                  <c:v>98.834900000000005</c:v>
                </c:pt>
                <c:pt idx="648">
                  <c:v>98.812100000000001</c:v>
                </c:pt>
                <c:pt idx="649">
                  <c:v>98.789199999999994</c:v>
                </c:pt>
                <c:pt idx="650">
                  <c:v>98.766099999999994</c:v>
                </c:pt>
                <c:pt idx="651">
                  <c:v>98.742900000000006</c:v>
                </c:pt>
                <c:pt idx="652">
                  <c:v>98.719399999999993</c:v>
                </c:pt>
                <c:pt idx="653">
                  <c:v>98.695899999999995</c:v>
                </c:pt>
                <c:pt idx="654">
                  <c:v>98.6721</c:v>
                </c:pt>
                <c:pt idx="655">
                  <c:v>98.648200000000003</c:v>
                </c:pt>
                <c:pt idx="656">
                  <c:v>98.624200000000002</c:v>
                </c:pt>
                <c:pt idx="657">
                  <c:v>98.599900000000005</c:v>
                </c:pt>
                <c:pt idx="658">
                  <c:v>98.575599999999994</c:v>
                </c:pt>
                <c:pt idx="659">
                  <c:v>98.551000000000002</c:v>
                </c:pt>
                <c:pt idx="660">
                  <c:v>98.526300000000006</c:v>
                </c:pt>
                <c:pt idx="661">
                  <c:v>98.501499999999993</c:v>
                </c:pt>
                <c:pt idx="662">
                  <c:v>98.476500000000001</c:v>
                </c:pt>
                <c:pt idx="663">
                  <c:v>98.451400000000007</c:v>
                </c:pt>
                <c:pt idx="664">
                  <c:v>98.426100000000005</c:v>
                </c:pt>
                <c:pt idx="665">
                  <c:v>98.400700000000001</c:v>
                </c:pt>
                <c:pt idx="666">
                  <c:v>98.375100000000003</c:v>
                </c:pt>
                <c:pt idx="667">
                  <c:v>98.349400000000003</c:v>
                </c:pt>
                <c:pt idx="668">
                  <c:v>98.323599999999999</c:v>
                </c:pt>
                <c:pt idx="669">
                  <c:v>98.297600000000003</c:v>
                </c:pt>
                <c:pt idx="670">
                  <c:v>98.2714</c:v>
                </c:pt>
                <c:pt idx="671">
                  <c:v>98.245199999999997</c:v>
                </c:pt>
                <c:pt idx="672">
                  <c:v>98.218800000000002</c:v>
                </c:pt>
                <c:pt idx="673">
                  <c:v>98.1922</c:v>
                </c:pt>
                <c:pt idx="674">
                  <c:v>98.165499999999994</c:v>
                </c:pt>
                <c:pt idx="675">
                  <c:v>98.1387</c:v>
                </c:pt>
                <c:pt idx="676">
                  <c:v>98.111800000000002</c:v>
                </c:pt>
                <c:pt idx="677">
                  <c:v>98.084699999999998</c:v>
                </c:pt>
                <c:pt idx="678">
                  <c:v>98.057500000000005</c:v>
                </c:pt>
                <c:pt idx="679">
                  <c:v>98.030199999999994</c:v>
                </c:pt>
                <c:pt idx="680">
                  <c:v>98.002799999999993</c:v>
                </c:pt>
                <c:pt idx="681">
                  <c:v>97.975200000000001</c:v>
                </c:pt>
                <c:pt idx="682">
                  <c:v>97.947500000000005</c:v>
                </c:pt>
                <c:pt idx="683">
                  <c:v>97.919700000000006</c:v>
                </c:pt>
                <c:pt idx="684">
                  <c:v>97.891800000000003</c:v>
                </c:pt>
                <c:pt idx="685">
                  <c:v>97.863699999999994</c:v>
                </c:pt>
                <c:pt idx="686">
                  <c:v>97.835499999999996</c:v>
                </c:pt>
                <c:pt idx="687">
                  <c:v>97.808899999999994</c:v>
                </c:pt>
                <c:pt idx="688">
                  <c:v>97.782499999999999</c:v>
                </c:pt>
                <c:pt idx="689">
                  <c:v>97.756</c:v>
                </c:pt>
                <c:pt idx="690">
                  <c:v>97.729399999999998</c:v>
                </c:pt>
                <c:pt idx="691">
                  <c:v>97.702699999999993</c:v>
                </c:pt>
                <c:pt idx="692">
                  <c:v>97.676000000000002</c:v>
                </c:pt>
                <c:pt idx="693">
                  <c:v>97.649199999999993</c:v>
                </c:pt>
                <c:pt idx="694">
                  <c:v>97.622299999999996</c:v>
                </c:pt>
                <c:pt idx="695">
                  <c:v>97.595299999999995</c:v>
                </c:pt>
                <c:pt idx="696">
                  <c:v>97.568299999999994</c:v>
                </c:pt>
                <c:pt idx="697">
                  <c:v>97.541200000000003</c:v>
                </c:pt>
                <c:pt idx="698">
                  <c:v>97.513999999999996</c:v>
                </c:pt>
                <c:pt idx="699">
                  <c:v>97.486800000000002</c:v>
                </c:pt>
                <c:pt idx="700">
                  <c:v>97.459500000000006</c:v>
                </c:pt>
                <c:pt idx="701">
                  <c:v>97.432100000000005</c:v>
                </c:pt>
                <c:pt idx="702">
                  <c:v>97.404700000000005</c:v>
                </c:pt>
                <c:pt idx="703">
                  <c:v>97.377200000000002</c:v>
                </c:pt>
                <c:pt idx="704">
                  <c:v>97.349599999999995</c:v>
                </c:pt>
                <c:pt idx="705">
                  <c:v>97.322000000000003</c:v>
                </c:pt>
                <c:pt idx="706">
                  <c:v>97.294300000000007</c:v>
                </c:pt>
                <c:pt idx="707">
                  <c:v>97.266599999999997</c:v>
                </c:pt>
                <c:pt idx="708">
                  <c:v>97.238799999999998</c:v>
                </c:pt>
                <c:pt idx="709">
                  <c:v>97.210899999999995</c:v>
                </c:pt>
                <c:pt idx="710">
                  <c:v>97.183000000000007</c:v>
                </c:pt>
                <c:pt idx="711">
                  <c:v>97.155100000000004</c:v>
                </c:pt>
                <c:pt idx="712">
                  <c:v>97.126999999999995</c:v>
                </c:pt>
                <c:pt idx="713">
                  <c:v>97.0989</c:v>
                </c:pt>
                <c:pt idx="714">
                  <c:v>97.070800000000006</c:v>
                </c:pt>
                <c:pt idx="715">
                  <c:v>97.042599999999993</c:v>
                </c:pt>
                <c:pt idx="716">
                  <c:v>97.014399999999995</c:v>
                </c:pt>
                <c:pt idx="717">
                  <c:v>96.986099999999993</c:v>
                </c:pt>
                <c:pt idx="718">
                  <c:v>96.957800000000006</c:v>
                </c:pt>
                <c:pt idx="719">
                  <c:v>96.929400000000001</c:v>
                </c:pt>
                <c:pt idx="720">
                  <c:v>96.900999999999996</c:v>
                </c:pt>
                <c:pt idx="721">
                  <c:v>96.872500000000002</c:v>
                </c:pt>
                <c:pt idx="722">
                  <c:v>96.843999999999994</c:v>
                </c:pt>
                <c:pt idx="723">
                  <c:v>96.8155</c:v>
                </c:pt>
                <c:pt idx="724">
                  <c:v>96.786900000000003</c:v>
                </c:pt>
                <c:pt idx="725">
                  <c:v>96.758300000000006</c:v>
                </c:pt>
                <c:pt idx="726">
                  <c:v>96.729600000000005</c:v>
                </c:pt>
                <c:pt idx="727">
                  <c:v>96.700900000000004</c:v>
                </c:pt>
                <c:pt idx="728">
                  <c:v>96.672200000000004</c:v>
                </c:pt>
                <c:pt idx="729">
                  <c:v>96.6434</c:v>
                </c:pt>
                <c:pt idx="730">
                  <c:v>96.614599999999996</c:v>
                </c:pt>
                <c:pt idx="731">
                  <c:v>96.585700000000003</c:v>
                </c:pt>
                <c:pt idx="732">
                  <c:v>96.556799999999996</c:v>
                </c:pt>
                <c:pt idx="733">
                  <c:v>96.527900000000002</c:v>
                </c:pt>
                <c:pt idx="734">
                  <c:v>96.498999999999995</c:v>
                </c:pt>
                <c:pt idx="735">
                  <c:v>96.47</c:v>
                </c:pt>
                <c:pt idx="736">
                  <c:v>96.440899999999999</c:v>
                </c:pt>
                <c:pt idx="737">
                  <c:v>96.411900000000003</c:v>
                </c:pt>
                <c:pt idx="738">
                  <c:v>96.382800000000003</c:v>
                </c:pt>
                <c:pt idx="739">
                  <c:v>96.353700000000003</c:v>
                </c:pt>
                <c:pt idx="740">
                  <c:v>96.324600000000004</c:v>
                </c:pt>
                <c:pt idx="741">
                  <c:v>96.295400000000001</c:v>
                </c:pt>
                <c:pt idx="742">
                  <c:v>96.266199999999998</c:v>
                </c:pt>
                <c:pt idx="743">
                  <c:v>96.236999999999995</c:v>
                </c:pt>
                <c:pt idx="744">
                  <c:v>96.207700000000003</c:v>
                </c:pt>
                <c:pt idx="745">
                  <c:v>96.178399999999996</c:v>
                </c:pt>
                <c:pt idx="746">
                  <c:v>96.149100000000004</c:v>
                </c:pt>
                <c:pt idx="747">
                  <c:v>96.119799999999998</c:v>
                </c:pt>
                <c:pt idx="748">
                  <c:v>96.090400000000002</c:v>
                </c:pt>
                <c:pt idx="749">
                  <c:v>96.061099999999996</c:v>
                </c:pt>
                <c:pt idx="750">
                  <c:v>96.031700000000001</c:v>
                </c:pt>
                <c:pt idx="751">
                  <c:v>96.002300000000005</c:v>
                </c:pt>
                <c:pt idx="752">
                  <c:v>95.972800000000007</c:v>
                </c:pt>
                <c:pt idx="753">
                  <c:v>95.943399999999997</c:v>
                </c:pt>
                <c:pt idx="754">
                  <c:v>95.913899999999998</c:v>
                </c:pt>
                <c:pt idx="755">
                  <c:v>95.884399999999999</c:v>
                </c:pt>
                <c:pt idx="756">
                  <c:v>95.854900000000001</c:v>
                </c:pt>
                <c:pt idx="757">
                  <c:v>95.825400000000002</c:v>
                </c:pt>
                <c:pt idx="758">
                  <c:v>95.7958</c:v>
                </c:pt>
                <c:pt idx="759">
                  <c:v>95.766300000000001</c:v>
                </c:pt>
                <c:pt idx="760">
                  <c:v>95.736699999999999</c:v>
                </c:pt>
                <c:pt idx="761">
                  <c:v>95.707099999999997</c:v>
                </c:pt>
                <c:pt idx="762">
                  <c:v>95.677499999999995</c:v>
                </c:pt>
                <c:pt idx="763">
                  <c:v>95.647900000000007</c:v>
                </c:pt>
                <c:pt idx="764">
                  <c:v>95.618300000000005</c:v>
                </c:pt>
                <c:pt idx="765">
                  <c:v>95.5886</c:v>
                </c:pt>
                <c:pt idx="766">
                  <c:v>95.558999999999997</c:v>
                </c:pt>
                <c:pt idx="767">
                  <c:v>95.529300000000006</c:v>
                </c:pt>
                <c:pt idx="768">
                  <c:v>95.499700000000004</c:v>
                </c:pt>
                <c:pt idx="769">
                  <c:v>95.47</c:v>
                </c:pt>
                <c:pt idx="770">
                  <c:v>95.440299999999993</c:v>
                </c:pt>
                <c:pt idx="771">
                  <c:v>95.410600000000002</c:v>
                </c:pt>
                <c:pt idx="772">
                  <c:v>95.380899999999997</c:v>
                </c:pt>
                <c:pt idx="773">
                  <c:v>95.351200000000006</c:v>
                </c:pt>
                <c:pt idx="774">
                  <c:v>95.3215</c:v>
                </c:pt>
                <c:pt idx="775">
                  <c:v>95.291700000000006</c:v>
                </c:pt>
                <c:pt idx="776">
                  <c:v>95.262</c:v>
                </c:pt>
                <c:pt idx="777">
                  <c:v>95.232299999999995</c:v>
                </c:pt>
                <c:pt idx="778">
                  <c:v>95.202600000000004</c:v>
                </c:pt>
                <c:pt idx="779">
                  <c:v>95.172799999999995</c:v>
                </c:pt>
                <c:pt idx="780">
                  <c:v>95.143100000000004</c:v>
                </c:pt>
                <c:pt idx="781">
                  <c:v>95.113299999999995</c:v>
                </c:pt>
                <c:pt idx="782">
                  <c:v>95.083600000000004</c:v>
                </c:pt>
                <c:pt idx="783">
                  <c:v>95.053799999999995</c:v>
                </c:pt>
                <c:pt idx="784">
                  <c:v>95.024100000000004</c:v>
                </c:pt>
                <c:pt idx="785">
                  <c:v>94.994299999999996</c:v>
                </c:pt>
                <c:pt idx="786">
                  <c:v>94.964600000000004</c:v>
                </c:pt>
                <c:pt idx="787">
                  <c:v>94.934799999999996</c:v>
                </c:pt>
                <c:pt idx="788">
                  <c:v>94.905100000000004</c:v>
                </c:pt>
                <c:pt idx="789">
                  <c:v>94.875299999999996</c:v>
                </c:pt>
                <c:pt idx="790">
                  <c:v>94.845600000000005</c:v>
                </c:pt>
                <c:pt idx="791">
                  <c:v>94.815799999999996</c:v>
                </c:pt>
                <c:pt idx="792">
                  <c:v>94.786100000000005</c:v>
                </c:pt>
                <c:pt idx="793">
                  <c:v>94.756399999999999</c:v>
                </c:pt>
                <c:pt idx="794">
                  <c:v>94.726600000000005</c:v>
                </c:pt>
                <c:pt idx="795">
                  <c:v>94.696899999999999</c:v>
                </c:pt>
                <c:pt idx="796">
                  <c:v>94.667199999999994</c:v>
                </c:pt>
                <c:pt idx="797">
                  <c:v>94.637500000000003</c:v>
                </c:pt>
                <c:pt idx="798">
                  <c:v>94.607699999999994</c:v>
                </c:pt>
                <c:pt idx="799">
                  <c:v>94.578000000000003</c:v>
                </c:pt>
                <c:pt idx="800">
                  <c:v>94.548299999999998</c:v>
                </c:pt>
                <c:pt idx="801">
                  <c:v>94.518600000000006</c:v>
                </c:pt>
                <c:pt idx="802">
                  <c:v>94.489000000000004</c:v>
                </c:pt>
                <c:pt idx="803">
                  <c:v>94.459299999999999</c:v>
                </c:pt>
                <c:pt idx="804">
                  <c:v>94.429599999999994</c:v>
                </c:pt>
                <c:pt idx="805">
                  <c:v>94.399900000000002</c:v>
                </c:pt>
                <c:pt idx="806">
                  <c:v>94.3703</c:v>
                </c:pt>
                <c:pt idx="807">
                  <c:v>94.340599999999995</c:v>
                </c:pt>
                <c:pt idx="808">
                  <c:v>94.311000000000007</c:v>
                </c:pt>
                <c:pt idx="809">
                  <c:v>94.281400000000005</c:v>
                </c:pt>
                <c:pt idx="810">
                  <c:v>94.251800000000003</c:v>
                </c:pt>
                <c:pt idx="811">
                  <c:v>94.222200000000001</c:v>
                </c:pt>
                <c:pt idx="812">
                  <c:v>94.192599999999999</c:v>
                </c:pt>
                <c:pt idx="813">
                  <c:v>94.162999999999997</c:v>
                </c:pt>
                <c:pt idx="814">
                  <c:v>94.133399999999995</c:v>
                </c:pt>
                <c:pt idx="815">
                  <c:v>94.103800000000007</c:v>
                </c:pt>
                <c:pt idx="816">
                  <c:v>94.074200000000005</c:v>
                </c:pt>
                <c:pt idx="817">
                  <c:v>94.044600000000003</c:v>
                </c:pt>
                <c:pt idx="818">
                  <c:v>94.015000000000001</c:v>
                </c:pt>
                <c:pt idx="819">
                  <c:v>93.985399999999998</c:v>
                </c:pt>
                <c:pt idx="820">
                  <c:v>93.9559</c:v>
                </c:pt>
                <c:pt idx="821">
                  <c:v>93.926400000000001</c:v>
                </c:pt>
                <c:pt idx="822">
                  <c:v>93.896799999999999</c:v>
                </c:pt>
                <c:pt idx="823">
                  <c:v>93.867199999999997</c:v>
                </c:pt>
                <c:pt idx="824">
                  <c:v>93.837699999999998</c:v>
                </c:pt>
                <c:pt idx="825">
                  <c:v>93.808099999999996</c:v>
                </c:pt>
                <c:pt idx="826">
                  <c:v>93.778599999999997</c:v>
                </c:pt>
                <c:pt idx="827">
                  <c:v>93.749099999999999</c:v>
                </c:pt>
                <c:pt idx="828">
                  <c:v>93.7196</c:v>
                </c:pt>
                <c:pt idx="829">
                  <c:v>93.690200000000004</c:v>
                </c:pt>
                <c:pt idx="830">
                  <c:v>93.660700000000006</c:v>
                </c:pt>
                <c:pt idx="831">
                  <c:v>93.631299999999996</c:v>
                </c:pt>
                <c:pt idx="832">
                  <c:v>93.601900000000001</c:v>
                </c:pt>
                <c:pt idx="833">
                  <c:v>93.572500000000005</c:v>
                </c:pt>
                <c:pt idx="834">
                  <c:v>93.543099999999995</c:v>
                </c:pt>
                <c:pt idx="835">
                  <c:v>93.513800000000003</c:v>
                </c:pt>
                <c:pt idx="836">
                  <c:v>93.484399999999994</c:v>
                </c:pt>
                <c:pt idx="837">
                  <c:v>93.455100000000002</c:v>
                </c:pt>
                <c:pt idx="838">
                  <c:v>93.425899999999999</c:v>
                </c:pt>
                <c:pt idx="839">
                  <c:v>93.397599999999997</c:v>
                </c:pt>
                <c:pt idx="840">
                  <c:v>93.369299999999996</c:v>
                </c:pt>
                <c:pt idx="841">
                  <c:v>93.341099999999997</c:v>
                </c:pt>
                <c:pt idx="842">
                  <c:v>93.312899999999999</c:v>
                </c:pt>
                <c:pt idx="843">
                  <c:v>93.284700000000001</c:v>
                </c:pt>
                <c:pt idx="844">
                  <c:v>93.256500000000003</c:v>
                </c:pt>
                <c:pt idx="845">
                  <c:v>93.228300000000004</c:v>
                </c:pt>
                <c:pt idx="846">
                  <c:v>93.200199999999995</c:v>
                </c:pt>
                <c:pt idx="847">
                  <c:v>93.1721</c:v>
                </c:pt>
                <c:pt idx="848">
                  <c:v>93.144000000000005</c:v>
                </c:pt>
                <c:pt idx="849">
                  <c:v>93.115899999999996</c:v>
                </c:pt>
                <c:pt idx="850">
                  <c:v>93.087900000000005</c:v>
                </c:pt>
                <c:pt idx="851">
                  <c:v>93.059799999999996</c:v>
                </c:pt>
                <c:pt idx="852">
                  <c:v>93.031800000000004</c:v>
                </c:pt>
                <c:pt idx="853">
                  <c:v>93.003900000000002</c:v>
                </c:pt>
                <c:pt idx="854">
                  <c:v>92.975899999999996</c:v>
                </c:pt>
                <c:pt idx="855">
                  <c:v>92.947999999999993</c:v>
                </c:pt>
                <c:pt idx="856">
                  <c:v>92.920100000000005</c:v>
                </c:pt>
                <c:pt idx="857">
                  <c:v>92.892200000000003</c:v>
                </c:pt>
                <c:pt idx="858">
                  <c:v>92.864400000000003</c:v>
                </c:pt>
                <c:pt idx="859">
                  <c:v>92.836500000000001</c:v>
                </c:pt>
                <c:pt idx="860">
                  <c:v>92.808700000000002</c:v>
                </c:pt>
                <c:pt idx="861">
                  <c:v>92.781000000000006</c:v>
                </c:pt>
                <c:pt idx="862">
                  <c:v>92.753200000000007</c:v>
                </c:pt>
                <c:pt idx="863">
                  <c:v>92.725499999999997</c:v>
                </c:pt>
                <c:pt idx="864">
                  <c:v>92.697800000000001</c:v>
                </c:pt>
                <c:pt idx="865">
                  <c:v>92.670100000000005</c:v>
                </c:pt>
                <c:pt idx="866">
                  <c:v>92.642499999999998</c:v>
                </c:pt>
                <c:pt idx="867">
                  <c:v>92.614900000000006</c:v>
                </c:pt>
                <c:pt idx="868">
                  <c:v>92.587299999999999</c:v>
                </c:pt>
                <c:pt idx="869">
                  <c:v>92.559700000000007</c:v>
                </c:pt>
                <c:pt idx="870">
                  <c:v>92.532200000000003</c:v>
                </c:pt>
                <c:pt idx="871">
                  <c:v>92.5047</c:v>
                </c:pt>
                <c:pt idx="872">
                  <c:v>92.477199999999996</c:v>
                </c:pt>
                <c:pt idx="873">
                  <c:v>92.449700000000007</c:v>
                </c:pt>
                <c:pt idx="874">
                  <c:v>92.422300000000007</c:v>
                </c:pt>
                <c:pt idx="875">
                  <c:v>92.394900000000007</c:v>
                </c:pt>
                <c:pt idx="876">
                  <c:v>92.367599999999996</c:v>
                </c:pt>
                <c:pt idx="877">
                  <c:v>92.340199999999996</c:v>
                </c:pt>
                <c:pt idx="878">
                  <c:v>92.312899999999999</c:v>
                </c:pt>
                <c:pt idx="879">
                  <c:v>92.285700000000006</c:v>
                </c:pt>
                <c:pt idx="880">
                  <c:v>92.258399999999995</c:v>
                </c:pt>
                <c:pt idx="881">
                  <c:v>92.231200000000001</c:v>
                </c:pt>
                <c:pt idx="882">
                  <c:v>92.203999999999994</c:v>
                </c:pt>
                <c:pt idx="883">
                  <c:v>92.176900000000003</c:v>
                </c:pt>
                <c:pt idx="884">
                  <c:v>92.149699999999996</c:v>
                </c:pt>
                <c:pt idx="885">
                  <c:v>92.122600000000006</c:v>
                </c:pt>
                <c:pt idx="886">
                  <c:v>92.095500000000001</c:v>
                </c:pt>
                <c:pt idx="887">
                  <c:v>92.0685</c:v>
                </c:pt>
                <c:pt idx="888">
                  <c:v>92.041499999999999</c:v>
                </c:pt>
                <c:pt idx="889">
                  <c:v>92.014499999999998</c:v>
                </c:pt>
                <c:pt idx="890">
                  <c:v>91.9876</c:v>
                </c:pt>
                <c:pt idx="891">
                  <c:v>91.960599999999999</c:v>
                </c:pt>
                <c:pt idx="892">
                  <c:v>91.933700000000002</c:v>
                </c:pt>
                <c:pt idx="893">
                  <c:v>91.906899999999993</c:v>
                </c:pt>
                <c:pt idx="894">
                  <c:v>91.88</c:v>
                </c:pt>
                <c:pt idx="895">
                  <c:v>91.853200000000001</c:v>
                </c:pt>
                <c:pt idx="896">
                  <c:v>91.826499999999996</c:v>
                </c:pt>
                <c:pt idx="897">
                  <c:v>91.799700000000001</c:v>
                </c:pt>
                <c:pt idx="898">
                  <c:v>91.772999999999996</c:v>
                </c:pt>
                <c:pt idx="899">
                  <c:v>91.746399999999994</c:v>
                </c:pt>
                <c:pt idx="900">
                  <c:v>91.719700000000003</c:v>
                </c:pt>
                <c:pt idx="901">
                  <c:v>91.693100000000001</c:v>
                </c:pt>
                <c:pt idx="902">
                  <c:v>91.666499999999999</c:v>
                </c:pt>
                <c:pt idx="903">
                  <c:v>91.64</c:v>
                </c:pt>
                <c:pt idx="904">
                  <c:v>91.613399999999999</c:v>
                </c:pt>
                <c:pt idx="905">
                  <c:v>91.5869</c:v>
                </c:pt>
                <c:pt idx="906">
                  <c:v>91.560500000000005</c:v>
                </c:pt>
                <c:pt idx="907">
                  <c:v>91.534099999999995</c:v>
                </c:pt>
                <c:pt idx="908">
                  <c:v>91.5077</c:v>
                </c:pt>
                <c:pt idx="909">
                  <c:v>91.481300000000005</c:v>
                </c:pt>
                <c:pt idx="910">
                  <c:v>91.454999999999998</c:v>
                </c:pt>
                <c:pt idx="911">
                  <c:v>91.428700000000006</c:v>
                </c:pt>
                <c:pt idx="912">
                  <c:v>91.4024</c:v>
                </c:pt>
                <c:pt idx="913">
                  <c:v>91.376199999999997</c:v>
                </c:pt>
                <c:pt idx="914">
                  <c:v>91.35</c:v>
                </c:pt>
                <c:pt idx="915">
                  <c:v>91.323800000000006</c:v>
                </c:pt>
                <c:pt idx="916">
                  <c:v>91.297700000000006</c:v>
                </c:pt>
                <c:pt idx="917">
                  <c:v>91.271600000000007</c:v>
                </c:pt>
                <c:pt idx="918">
                  <c:v>91.245500000000007</c:v>
                </c:pt>
                <c:pt idx="919">
                  <c:v>91.219499999999996</c:v>
                </c:pt>
                <c:pt idx="920">
                  <c:v>91.1935</c:v>
                </c:pt>
                <c:pt idx="921">
                  <c:v>91.167500000000004</c:v>
                </c:pt>
                <c:pt idx="922">
                  <c:v>91.141599999999997</c:v>
                </c:pt>
                <c:pt idx="923">
                  <c:v>91.115700000000004</c:v>
                </c:pt>
                <c:pt idx="924">
                  <c:v>91.089799999999997</c:v>
                </c:pt>
                <c:pt idx="925">
                  <c:v>91.063999999999993</c:v>
                </c:pt>
                <c:pt idx="926">
                  <c:v>91.038200000000003</c:v>
                </c:pt>
                <c:pt idx="927">
                  <c:v>91.0124</c:v>
                </c:pt>
                <c:pt idx="928">
                  <c:v>90.986699999999999</c:v>
                </c:pt>
                <c:pt idx="929">
                  <c:v>90.960999999999999</c:v>
                </c:pt>
                <c:pt idx="930">
                  <c:v>90.935299999999998</c:v>
                </c:pt>
                <c:pt idx="931">
                  <c:v>90.909700000000001</c:v>
                </c:pt>
                <c:pt idx="932">
                  <c:v>90.884100000000004</c:v>
                </c:pt>
                <c:pt idx="933">
                  <c:v>90.858500000000006</c:v>
                </c:pt>
                <c:pt idx="934">
                  <c:v>90.832999999999998</c:v>
                </c:pt>
                <c:pt idx="935">
                  <c:v>90.807500000000005</c:v>
                </c:pt>
                <c:pt idx="936">
                  <c:v>90.781999999999996</c:v>
                </c:pt>
                <c:pt idx="937">
                  <c:v>90.756600000000006</c:v>
                </c:pt>
                <c:pt idx="938">
                  <c:v>90.731200000000001</c:v>
                </c:pt>
                <c:pt idx="939">
                  <c:v>90.705799999999996</c:v>
                </c:pt>
                <c:pt idx="940">
                  <c:v>90.680499999999995</c:v>
                </c:pt>
                <c:pt idx="941">
                  <c:v>90.655199999999994</c:v>
                </c:pt>
                <c:pt idx="942">
                  <c:v>90.629900000000006</c:v>
                </c:pt>
                <c:pt idx="943">
                  <c:v>90.604699999999994</c:v>
                </c:pt>
                <c:pt idx="944">
                  <c:v>90.579499999999996</c:v>
                </c:pt>
                <c:pt idx="945">
                  <c:v>90.554299999999998</c:v>
                </c:pt>
                <c:pt idx="946">
                  <c:v>90.529200000000003</c:v>
                </c:pt>
                <c:pt idx="947">
                  <c:v>90.504099999999994</c:v>
                </c:pt>
                <c:pt idx="948">
                  <c:v>90.479100000000003</c:v>
                </c:pt>
                <c:pt idx="949">
                  <c:v>90.454099999999997</c:v>
                </c:pt>
                <c:pt idx="950">
                  <c:v>90.429100000000005</c:v>
                </c:pt>
                <c:pt idx="951">
                  <c:v>90.4041</c:v>
                </c:pt>
                <c:pt idx="952">
                  <c:v>90.379199999999997</c:v>
                </c:pt>
                <c:pt idx="953">
                  <c:v>90.354299999999995</c:v>
                </c:pt>
                <c:pt idx="954">
                  <c:v>90.329499999999996</c:v>
                </c:pt>
                <c:pt idx="955">
                  <c:v>90.304699999999997</c:v>
                </c:pt>
                <c:pt idx="956">
                  <c:v>90.279899999999998</c:v>
                </c:pt>
                <c:pt idx="957">
                  <c:v>90.255200000000002</c:v>
                </c:pt>
                <c:pt idx="958">
                  <c:v>90.230500000000006</c:v>
                </c:pt>
                <c:pt idx="959">
                  <c:v>90.205799999999996</c:v>
                </c:pt>
                <c:pt idx="960">
                  <c:v>90.181200000000004</c:v>
                </c:pt>
                <c:pt idx="961">
                  <c:v>90.156599999999997</c:v>
                </c:pt>
                <c:pt idx="962">
                  <c:v>90.132000000000005</c:v>
                </c:pt>
                <c:pt idx="963">
                  <c:v>90.107500000000002</c:v>
                </c:pt>
                <c:pt idx="964">
                  <c:v>90.082999999999998</c:v>
                </c:pt>
                <c:pt idx="965">
                  <c:v>90.058499999999995</c:v>
                </c:pt>
                <c:pt idx="966">
                  <c:v>90.034099999999995</c:v>
                </c:pt>
                <c:pt idx="967">
                  <c:v>90.009699999999995</c:v>
                </c:pt>
                <c:pt idx="968">
                  <c:v>89.985299999999995</c:v>
                </c:pt>
                <c:pt idx="969">
                  <c:v>89.960999999999999</c:v>
                </c:pt>
                <c:pt idx="970">
                  <c:v>89.936700000000002</c:v>
                </c:pt>
                <c:pt idx="971">
                  <c:v>89.912499999999994</c:v>
                </c:pt>
                <c:pt idx="972">
                  <c:v>89.888300000000001</c:v>
                </c:pt>
                <c:pt idx="973">
                  <c:v>89.864099999999993</c:v>
                </c:pt>
                <c:pt idx="974">
                  <c:v>89.84</c:v>
                </c:pt>
                <c:pt idx="975">
                  <c:v>89.815899999999999</c:v>
                </c:pt>
                <c:pt idx="976">
                  <c:v>89.791799999999995</c:v>
                </c:pt>
                <c:pt idx="977">
                  <c:v>89.767700000000005</c:v>
                </c:pt>
                <c:pt idx="978">
                  <c:v>89.743700000000004</c:v>
                </c:pt>
                <c:pt idx="979">
                  <c:v>89.719800000000006</c:v>
                </c:pt>
                <c:pt idx="980">
                  <c:v>89.695899999999995</c:v>
                </c:pt>
                <c:pt idx="981">
                  <c:v>89.671999999999997</c:v>
                </c:pt>
                <c:pt idx="982">
                  <c:v>89.648099999999999</c:v>
                </c:pt>
                <c:pt idx="983">
                  <c:v>89.624300000000005</c:v>
                </c:pt>
                <c:pt idx="984">
                  <c:v>89.600499999999997</c:v>
                </c:pt>
                <c:pt idx="985">
                  <c:v>89.576700000000002</c:v>
                </c:pt>
                <c:pt idx="986">
                  <c:v>89.552999999999997</c:v>
                </c:pt>
                <c:pt idx="987">
                  <c:v>89.529300000000006</c:v>
                </c:pt>
                <c:pt idx="988">
                  <c:v>89.505700000000004</c:v>
                </c:pt>
                <c:pt idx="989">
                  <c:v>89.482100000000003</c:v>
                </c:pt>
                <c:pt idx="990">
                  <c:v>89.458500000000001</c:v>
                </c:pt>
                <c:pt idx="991">
                  <c:v>89.435000000000002</c:v>
                </c:pt>
                <c:pt idx="992">
                  <c:v>89.411500000000004</c:v>
                </c:pt>
                <c:pt idx="993">
                  <c:v>89.388000000000005</c:v>
                </c:pt>
                <c:pt idx="994">
                  <c:v>89.364599999999996</c:v>
                </c:pt>
                <c:pt idx="995">
                  <c:v>89.341200000000001</c:v>
                </c:pt>
                <c:pt idx="996">
                  <c:v>89.317800000000005</c:v>
                </c:pt>
                <c:pt idx="997">
                  <c:v>89.294499999999999</c:v>
                </c:pt>
                <c:pt idx="998">
                  <c:v>89.271199999999993</c:v>
                </c:pt>
                <c:pt idx="999">
                  <c:v>89.247900000000001</c:v>
                </c:pt>
                <c:pt idx="1000">
                  <c:v>89.224699999999999</c:v>
                </c:pt>
                <c:pt idx="1001">
                  <c:v>89.201499999999996</c:v>
                </c:pt>
                <c:pt idx="1002">
                  <c:v>89.178399999999996</c:v>
                </c:pt>
                <c:pt idx="1003">
                  <c:v>89.155199999999994</c:v>
                </c:pt>
                <c:pt idx="1004">
                  <c:v>89.132199999999997</c:v>
                </c:pt>
                <c:pt idx="1005">
                  <c:v>89.109099999999998</c:v>
                </c:pt>
                <c:pt idx="1006">
                  <c:v>89.086100000000002</c:v>
                </c:pt>
                <c:pt idx="1007">
                  <c:v>89.063100000000006</c:v>
                </c:pt>
                <c:pt idx="1008">
                  <c:v>89.040199999999999</c:v>
                </c:pt>
                <c:pt idx="1009">
                  <c:v>89.017300000000006</c:v>
                </c:pt>
                <c:pt idx="1010">
                  <c:v>88.994399999999999</c:v>
                </c:pt>
                <c:pt idx="1011">
                  <c:v>88.971599999999995</c:v>
                </c:pt>
                <c:pt idx="1012">
                  <c:v>88.948800000000006</c:v>
                </c:pt>
                <c:pt idx="1013">
                  <c:v>88.926000000000002</c:v>
                </c:pt>
                <c:pt idx="1014">
                  <c:v>88.903300000000002</c:v>
                </c:pt>
                <c:pt idx="1015">
                  <c:v>88.880600000000001</c:v>
                </c:pt>
                <c:pt idx="1016">
                  <c:v>88.858000000000004</c:v>
                </c:pt>
                <c:pt idx="1017">
                  <c:v>88.835400000000007</c:v>
                </c:pt>
                <c:pt idx="1018">
                  <c:v>88.812799999999996</c:v>
                </c:pt>
                <c:pt idx="1019">
                  <c:v>88.790199999999999</c:v>
                </c:pt>
                <c:pt idx="1020">
                  <c:v>88.767700000000005</c:v>
                </c:pt>
                <c:pt idx="1021">
                  <c:v>88.745199999999997</c:v>
                </c:pt>
                <c:pt idx="1022">
                  <c:v>88.722800000000007</c:v>
                </c:pt>
                <c:pt idx="1023">
                  <c:v>88.700400000000002</c:v>
                </c:pt>
                <c:pt idx="1024">
                  <c:v>88.677999999999997</c:v>
                </c:pt>
                <c:pt idx="1025">
                  <c:v>88.655699999999996</c:v>
                </c:pt>
                <c:pt idx="1026">
                  <c:v>88.633399999999995</c:v>
                </c:pt>
                <c:pt idx="1027">
                  <c:v>88.611099999999993</c:v>
                </c:pt>
                <c:pt idx="1028">
                  <c:v>88.588899999999995</c:v>
                </c:pt>
                <c:pt idx="1029">
                  <c:v>88.566699999999997</c:v>
                </c:pt>
                <c:pt idx="1030">
                  <c:v>88.544499999999999</c:v>
                </c:pt>
                <c:pt idx="1031">
                  <c:v>88.522400000000005</c:v>
                </c:pt>
                <c:pt idx="1032">
                  <c:v>88.500299999999996</c:v>
                </c:pt>
                <c:pt idx="1033">
                  <c:v>88.478200000000001</c:v>
                </c:pt>
                <c:pt idx="1034">
                  <c:v>88.456199999999995</c:v>
                </c:pt>
                <c:pt idx="1035">
                  <c:v>88.434200000000004</c:v>
                </c:pt>
                <c:pt idx="1036">
                  <c:v>88.412300000000002</c:v>
                </c:pt>
                <c:pt idx="1037">
                  <c:v>88.3904</c:v>
                </c:pt>
                <c:pt idx="1038">
                  <c:v>88.368499999999997</c:v>
                </c:pt>
                <c:pt idx="1039">
                  <c:v>88.346599999999995</c:v>
                </c:pt>
                <c:pt idx="1040">
                  <c:v>88.324799999999996</c:v>
                </c:pt>
                <c:pt idx="1041">
                  <c:v>88.303100000000001</c:v>
                </c:pt>
                <c:pt idx="1042">
                  <c:v>88.281300000000002</c:v>
                </c:pt>
                <c:pt idx="1043">
                  <c:v>88.259600000000006</c:v>
                </c:pt>
                <c:pt idx="1044">
                  <c:v>88.237899999999996</c:v>
                </c:pt>
                <c:pt idx="1045">
                  <c:v>88.216300000000004</c:v>
                </c:pt>
                <c:pt idx="1046">
                  <c:v>88.194699999999997</c:v>
                </c:pt>
                <c:pt idx="1047">
                  <c:v>88.173100000000005</c:v>
                </c:pt>
                <c:pt idx="1048">
                  <c:v>88.151600000000002</c:v>
                </c:pt>
                <c:pt idx="1049">
                  <c:v>88.130099999999999</c:v>
                </c:pt>
                <c:pt idx="1050">
                  <c:v>88.108599999999996</c:v>
                </c:pt>
                <c:pt idx="1051">
                  <c:v>88.087199999999996</c:v>
                </c:pt>
                <c:pt idx="1052">
                  <c:v>88.065799999999996</c:v>
                </c:pt>
                <c:pt idx="1053">
                  <c:v>88.044399999999996</c:v>
                </c:pt>
                <c:pt idx="1054">
                  <c:v>88.023099999999999</c:v>
                </c:pt>
                <c:pt idx="1055">
                  <c:v>88.001800000000003</c:v>
                </c:pt>
                <c:pt idx="1056">
                  <c:v>87.980599999999995</c:v>
                </c:pt>
                <c:pt idx="1057">
                  <c:v>87.959299999999999</c:v>
                </c:pt>
                <c:pt idx="1058">
                  <c:v>87.938199999999995</c:v>
                </c:pt>
                <c:pt idx="1059">
                  <c:v>87.917000000000002</c:v>
                </c:pt>
                <c:pt idx="1060">
                  <c:v>87.895899999999997</c:v>
                </c:pt>
                <c:pt idx="1061">
                  <c:v>87.874799999999993</c:v>
                </c:pt>
                <c:pt idx="1062">
                  <c:v>87.853700000000003</c:v>
                </c:pt>
                <c:pt idx="1063">
                  <c:v>87.832700000000003</c:v>
                </c:pt>
                <c:pt idx="1064">
                  <c:v>87.811700000000002</c:v>
                </c:pt>
                <c:pt idx="1065">
                  <c:v>87.790800000000004</c:v>
                </c:pt>
                <c:pt idx="1066">
                  <c:v>87.769900000000007</c:v>
                </c:pt>
                <c:pt idx="1067">
                  <c:v>87.748999999999995</c:v>
                </c:pt>
                <c:pt idx="1068">
                  <c:v>87.728200000000001</c:v>
                </c:pt>
                <c:pt idx="1069">
                  <c:v>87.707300000000004</c:v>
                </c:pt>
                <c:pt idx="1070">
                  <c:v>87.686599999999999</c:v>
                </c:pt>
                <c:pt idx="1071">
                  <c:v>87.665800000000004</c:v>
                </c:pt>
                <c:pt idx="1072">
                  <c:v>87.645099999999999</c:v>
                </c:pt>
                <c:pt idx="1073">
                  <c:v>87.624399999999994</c:v>
                </c:pt>
                <c:pt idx="1074">
                  <c:v>87.603800000000007</c:v>
                </c:pt>
                <c:pt idx="1075">
                  <c:v>87.583200000000005</c:v>
                </c:pt>
                <c:pt idx="1076">
                  <c:v>87.562600000000003</c:v>
                </c:pt>
                <c:pt idx="1077">
                  <c:v>87.542100000000005</c:v>
                </c:pt>
                <c:pt idx="1078">
                  <c:v>87.521600000000007</c:v>
                </c:pt>
                <c:pt idx="1079">
                  <c:v>87.501099999999994</c:v>
                </c:pt>
                <c:pt idx="1080">
                  <c:v>87.480699999999999</c:v>
                </c:pt>
                <c:pt idx="1081">
                  <c:v>87.4602</c:v>
                </c:pt>
                <c:pt idx="1082">
                  <c:v>87.439899999999994</c:v>
                </c:pt>
                <c:pt idx="1083">
                  <c:v>87.419499999999999</c:v>
                </c:pt>
                <c:pt idx="1084">
                  <c:v>87.399199999999993</c:v>
                </c:pt>
                <c:pt idx="1085">
                  <c:v>87.379000000000005</c:v>
                </c:pt>
                <c:pt idx="1086">
                  <c:v>87.358699999999999</c:v>
                </c:pt>
                <c:pt idx="1087">
                  <c:v>87.338499999999996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5-8183-4750-8FFA-D16D9B16790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3"/>
        <c:axId val="4"/>
      </c:scatterChart>
      <c:valAx>
        <c:axId val="723756936"/>
        <c:scaling>
          <c:orientation val="minMax"/>
          <c:max val="2700"/>
          <c:min val="300"/>
        </c:scaling>
        <c:delete val="0"/>
        <c:axPos val="b"/>
        <c:title>
          <c:tx>
            <c:rich>
              <a:bodyPr/>
              <a:lstStyle/>
              <a:p>
                <a:pPr>
                  <a:defRPr sz="1800" b="1" i="0" u="none" strike="noStrike" baseline="0">
                    <a:solidFill>
                      <a:srgbClr val="000000"/>
                    </a:solidFill>
                    <a:latin typeface="Calibri"/>
                    <a:ea typeface="Calibri"/>
                    <a:cs typeface="Calibri"/>
                  </a:defRPr>
                </a:pPr>
                <a:r>
                  <a:rPr lang="en-US" sz="1800"/>
                  <a:t>Wavelength (nm) </a:t>
                </a:r>
              </a:p>
            </c:rich>
          </c:tx>
          <c:layout>
            <c:manualLayout>
              <c:xMode val="edge"/>
              <c:yMode val="edge"/>
              <c:x val="0.41444024105925303"/>
              <c:y val="0.92691698985388016"/>
            </c:manualLayout>
          </c:layout>
          <c:overlay val="0"/>
        </c:title>
        <c:numFmt formatCode="#,##0" sourceLinked="0"/>
        <c:majorTickMark val="out"/>
        <c:minorTickMark val="none"/>
        <c:tickLblPos val="nextTo"/>
        <c:txPr>
          <a:bodyPr rot="0" vert="horz"/>
          <a:lstStyle/>
          <a:p>
            <a:pPr>
              <a:defRPr sz="1400" b="1" i="0" u="none" strike="noStrike" baseline="0">
                <a:solidFill>
                  <a:srgbClr val="000000"/>
                </a:solidFill>
                <a:latin typeface="Calibri"/>
                <a:ea typeface="Calibri"/>
                <a:cs typeface="Calibri"/>
              </a:defRPr>
            </a:pPr>
            <a:endParaRPr lang="en-US"/>
          </a:p>
        </c:txPr>
        <c:crossAx val="1"/>
        <c:crosses val="autoZero"/>
        <c:crossBetween val="midCat"/>
        <c:majorUnit val="200"/>
        <c:minorUnit val="100"/>
      </c:valAx>
      <c:valAx>
        <c:axId val="1"/>
        <c:scaling>
          <c:orientation val="minMax"/>
          <c:max val="100"/>
          <c:min val="0"/>
        </c:scaling>
        <c:delete val="0"/>
        <c:axPos val="l"/>
        <c:majorGridlines>
          <c:spPr>
            <a:ln>
              <a:solidFill>
                <a:schemeClr val="bg1">
                  <a:lumMod val="65000"/>
                </a:schemeClr>
              </a:solidFill>
              <a:prstDash val="dash"/>
            </a:ln>
          </c:spPr>
        </c:majorGridlines>
        <c:title>
          <c:tx>
            <c:rich>
              <a:bodyPr/>
              <a:lstStyle/>
              <a:p>
                <a:pPr>
                  <a:defRPr sz="1800" b="1" i="0" u="none" strike="noStrike" baseline="0">
                    <a:solidFill>
                      <a:srgbClr val="000000"/>
                    </a:solidFill>
                    <a:latin typeface="Calibri"/>
                    <a:ea typeface="Calibri"/>
                    <a:cs typeface="Calibri"/>
                  </a:defRPr>
                </a:pPr>
                <a:r>
                  <a:rPr lang="en-US" sz="1800"/>
                  <a:t>QE (%)</a:t>
                </a:r>
              </a:p>
            </c:rich>
          </c:tx>
          <c:layout>
            <c:manualLayout>
              <c:xMode val="edge"/>
              <c:yMode val="edge"/>
              <c:x val="0"/>
              <c:y val="0.43793502163580905"/>
            </c:manualLayout>
          </c:layout>
          <c:overlay val="0"/>
        </c:title>
        <c:numFmt formatCode="#,##0" sourceLinked="0"/>
        <c:majorTickMark val="out"/>
        <c:minorTickMark val="none"/>
        <c:tickLblPos val="nextTo"/>
        <c:txPr>
          <a:bodyPr rot="0" vert="horz"/>
          <a:lstStyle/>
          <a:p>
            <a:pPr>
              <a:defRPr sz="1800" b="1" i="0" u="none" strike="noStrike" baseline="0">
                <a:solidFill>
                  <a:srgbClr val="000000"/>
                </a:solidFill>
                <a:latin typeface="Calibri"/>
                <a:ea typeface="Calibri"/>
                <a:cs typeface="Calibri"/>
              </a:defRPr>
            </a:pPr>
            <a:endParaRPr lang="en-US"/>
          </a:p>
        </c:txPr>
        <c:crossAx val="723756936"/>
        <c:crosses val="autoZero"/>
        <c:crossBetween val="midCat"/>
      </c:valAx>
      <c:valAx>
        <c:axId val="3"/>
        <c:scaling>
          <c:orientation val="minMax"/>
        </c:scaling>
        <c:delete val="1"/>
        <c:axPos val="b"/>
        <c:numFmt formatCode="General" sourceLinked="1"/>
        <c:majorTickMark val="out"/>
        <c:minorTickMark val="none"/>
        <c:tickLblPos val="nextTo"/>
        <c:crossAx val="4"/>
        <c:crosses val="autoZero"/>
        <c:crossBetween val="midCat"/>
      </c:valAx>
      <c:valAx>
        <c:axId val="4"/>
        <c:scaling>
          <c:orientation val="minMax"/>
          <c:max val="100"/>
        </c:scaling>
        <c:delete val="0"/>
        <c:axPos val="r"/>
        <c:title>
          <c:tx>
            <c:rich>
              <a:bodyPr rot="-5400000" vert="horz"/>
              <a:lstStyle/>
              <a:p>
                <a:pPr>
                  <a:defRPr sz="1200" b="1"/>
                </a:pPr>
                <a:r>
                  <a:rPr lang="en-US" sz="1200" b="1"/>
                  <a:t>AR Coating Tramsmittance  (%)</a:t>
                </a:r>
              </a:p>
            </c:rich>
          </c:tx>
          <c:layout/>
          <c:overlay val="0"/>
        </c:title>
        <c:numFmt formatCode="0" sourceLinked="0"/>
        <c:majorTickMark val="out"/>
        <c:minorTickMark val="none"/>
        <c:tickLblPos val="nextTo"/>
        <c:txPr>
          <a:bodyPr/>
          <a:lstStyle/>
          <a:p>
            <a:pPr>
              <a:defRPr sz="1600" b="1"/>
            </a:pPr>
            <a:endParaRPr lang="en-US"/>
          </a:p>
        </c:txPr>
        <c:crossAx val="3"/>
        <c:crosses val="max"/>
        <c:crossBetween val="midCat"/>
      </c:valAx>
      <c:spPr>
        <a:solidFill>
          <a:schemeClr val="bg1">
            <a:lumMod val="95000"/>
          </a:schemeClr>
        </a:solidFill>
      </c:spPr>
    </c:plotArea>
    <c:legend>
      <c:legendPos val="r"/>
      <c:legendEntry>
        <c:idx val="4"/>
        <c:delete val="1"/>
      </c:legendEntry>
      <c:legendEntry>
        <c:idx val="5"/>
        <c:delete val="1"/>
      </c:legendEntry>
      <c:layout>
        <c:manualLayout>
          <c:xMode val="edge"/>
          <c:yMode val="edge"/>
          <c:x val="0.48518994180845504"/>
          <c:y val="0.28316953851386356"/>
          <c:w val="0.32941625407060338"/>
          <c:h val="0.54103940171717602"/>
        </c:manualLayout>
      </c:layout>
      <c:overlay val="1"/>
      <c:spPr>
        <a:solidFill>
          <a:schemeClr val="bg1">
            <a:lumMod val="85000"/>
          </a:schemeClr>
        </a:solidFill>
      </c:spPr>
    </c:legend>
    <c:plotVisOnly val="1"/>
    <c:dispBlanksAs val="gap"/>
    <c:showDLblsOverMax val="0"/>
  </c:chart>
  <c:txPr>
    <a:bodyPr/>
    <a:lstStyle/>
    <a:p>
      <a:pPr>
        <a:defRPr sz="1000" b="0" i="0" u="none" strike="noStrike" baseline="0">
          <a:solidFill>
            <a:srgbClr val="000000"/>
          </a:solidFill>
          <a:latin typeface="Calibri"/>
          <a:ea typeface="Calibri"/>
          <a:cs typeface="Calibri"/>
        </a:defRPr>
      </a:pPr>
      <a:endParaRPr lang="en-US"/>
    </a:p>
  </c:txPr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0.18984109384429654"/>
          <c:y val="4.1914766770747888E-2"/>
          <c:w val="0.7398555336832896"/>
          <c:h val="0.69988867724107318"/>
        </c:manualLayout>
      </c:layout>
      <c:lineChart>
        <c:grouping val="standard"/>
        <c:varyColors val="0"/>
        <c:ser>
          <c:idx val="0"/>
          <c:order val="0"/>
          <c:tx>
            <c:strRef>
              <c:f>'H4RG-15 SG SCA data'!$W$29</c:f>
              <c:strCache>
                <c:ptCount val="1"/>
                <c:pt idx="0">
                  <c:v>NIR 1.7 um SCAs</c:v>
                </c:pt>
              </c:strCache>
            </c:strRef>
          </c:tx>
          <c:spPr>
            <a:ln>
              <a:noFill/>
            </a:ln>
          </c:spPr>
          <c:marker>
            <c:symbol val="circle"/>
            <c:size val="9"/>
            <c:spPr>
              <a:solidFill>
                <a:schemeClr val="tx1">
                  <a:lumMod val="95000"/>
                  <a:lumOff val="5000"/>
                </a:schemeClr>
              </a:solidFill>
            </c:spPr>
          </c:marker>
          <c:val>
            <c:numRef>
              <c:f>'H4RG-15 SG SCA data'!$D$20:$I$20</c:f>
              <c:numCache>
                <c:formatCode>General</c:formatCode>
                <c:ptCount val="6"/>
                <c:pt idx="0">
                  <c:v>18.100000000000001</c:v>
                </c:pt>
                <c:pt idx="1">
                  <c:v>20.8</c:v>
                </c:pt>
                <c:pt idx="2">
                  <c:v>19.100000000000001</c:v>
                </c:pt>
                <c:pt idx="3">
                  <c:v>20</c:v>
                </c:pt>
                <c:pt idx="4">
                  <c:v>19</c:v>
                </c:pt>
                <c:pt idx="5">
                  <c:v>20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0-BE84-499C-B5B8-8AA48A5716AF}"/>
            </c:ext>
          </c:extLst>
        </c:ser>
        <c:ser>
          <c:idx val="1"/>
          <c:order val="1"/>
          <c:tx>
            <c:strRef>
              <c:f>'H4RG-15 SG SCA data'!$W$30</c:f>
              <c:strCache>
                <c:ptCount val="1"/>
                <c:pt idx="0">
                  <c:v>SWIR 2.5 um SCAs</c:v>
                </c:pt>
              </c:strCache>
            </c:strRef>
          </c:tx>
          <c:spPr>
            <a:ln w="28575">
              <a:noFill/>
            </a:ln>
          </c:spPr>
          <c:marker>
            <c:symbol val="circle"/>
            <c:size val="9"/>
            <c:spPr>
              <a:solidFill>
                <a:srgbClr val="FF0000"/>
              </a:solidFill>
            </c:spPr>
          </c:marker>
          <c:val>
            <c:numRef>
              <c:f>'H4RG-15 SG SCA data'!$K$20:$P$20</c:f>
              <c:numCache>
                <c:formatCode>General</c:formatCode>
                <c:ptCount val="6"/>
                <c:pt idx="0">
                  <c:v>13.2</c:v>
                </c:pt>
                <c:pt idx="1">
                  <c:v>13.5</c:v>
                </c:pt>
                <c:pt idx="2">
                  <c:v>17.399999999999999</c:v>
                </c:pt>
                <c:pt idx="3">
                  <c:v>16</c:v>
                </c:pt>
                <c:pt idx="4">
                  <c:v>12</c:v>
                </c:pt>
                <c:pt idx="5">
                  <c:v>12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1-BE84-499C-B5B8-8AA48A5716AF}"/>
            </c:ext>
          </c:extLst>
        </c:ser>
        <c:ser>
          <c:idx val="2"/>
          <c:order val="2"/>
          <c:tx>
            <c:strRef>
              <c:f>'H4RG-15 SG SCA data'!$I$35</c:f>
              <c:strCache>
                <c:ptCount val="1"/>
                <c:pt idx="0">
                  <c:v>Standard Specification</c:v>
                </c:pt>
              </c:strCache>
            </c:strRef>
          </c:tx>
          <c:spPr>
            <a:ln w="28575">
              <a:solidFill>
                <a:srgbClr val="FF0000"/>
              </a:solidFill>
              <a:prstDash val="dash"/>
            </a:ln>
          </c:spPr>
          <c:marker>
            <c:symbol val="none"/>
          </c:marker>
          <c:val>
            <c:numRef>
              <c:f>'H4RG-15 SG SCA data'!$K$40:$R$40</c:f>
              <c:numCache>
                <c:formatCode>General</c:formatCode>
                <c:ptCount val="8"/>
                <c:pt idx="0">
                  <c:v>30</c:v>
                </c:pt>
                <c:pt idx="1">
                  <c:v>30</c:v>
                </c:pt>
                <c:pt idx="2">
                  <c:v>30</c:v>
                </c:pt>
                <c:pt idx="3">
                  <c:v>30</c:v>
                </c:pt>
                <c:pt idx="4">
                  <c:v>30</c:v>
                </c:pt>
                <c:pt idx="5">
                  <c:v>30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2-BE84-499C-B5B8-8AA48A5716AF}"/>
            </c:ext>
          </c:extLst>
        </c:ser>
        <c:ser>
          <c:idx val="3"/>
          <c:order val="3"/>
          <c:tx>
            <c:strRef>
              <c:f>'H4RG-15 SG SCA data'!$I$36</c:f>
              <c:strCache>
                <c:ptCount val="1"/>
                <c:pt idx="0">
                  <c:v>ESO-MOONS Specification</c:v>
                </c:pt>
              </c:strCache>
            </c:strRef>
          </c:tx>
          <c:spPr>
            <a:ln w="28575">
              <a:solidFill>
                <a:schemeClr val="tx1"/>
              </a:solidFill>
              <a:prstDash val="dash"/>
            </a:ln>
          </c:spPr>
          <c:marker>
            <c:symbol val="none"/>
          </c:marker>
          <c:val>
            <c:numRef>
              <c:f>'H4RG-15 SG SCA data'!$K$36:$R$36</c:f>
              <c:numCache>
                <c:formatCode>General</c:formatCode>
                <c:ptCount val="8"/>
                <c:pt idx="0">
                  <c:v>15</c:v>
                </c:pt>
                <c:pt idx="1">
                  <c:v>15</c:v>
                </c:pt>
                <c:pt idx="2">
                  <c:v>15</c:v>
                </c:pt>
                <c:pt idx="3">
                  <c:v>15</c:v>
                </c:pt>
                <c:pt idx="4">
                  <c:v>15</c:v>
                </c:pt>
                <c:pt idx="5">
                  <c:v>15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3-BE84-499C-B5B8-8AA48A5716AF}"/>
            </c:ext>
          </c:extLst>
        </c:ser>
        <c:ser>
          <c:idx val="4"/>
          <c:order val="4"/>
          <c:tx>
            <c:strRef>
              <c:f>'H4RG-15 SG SCA data'!$I$37</c:f>
              <c:strCache>
                <c:ptCount val="1"/>
                <c:pt idx="0">
                  <c:v>Goal</c:v>
                </c:pt>
              </c:strCache>
            </c:strRef>
          </c:tx>
          <c:spPr>
            <a:ln w="28575">
              <a:solidFill>
                <a:srgbClr val="00B050"/>
              </a:solidFill>
              <a:prstDash val="dash"/>
            </a:ln>
          </c:spPr>
          <c:marker>
            <c:symbol val="none"/>
          </c:marker>
          <c:val>
            <c:numRef>
              <c:f>'H4RG-15 SG SCA data'!$K$42:$R$42</c:f>
              <c:numCache>
                <c:formatCode>General</c:formatCode>
                <c:ptCount val="8"/>
                <c:pt idx="0">
                  <c:v>15</c:v>
                </c:pt>
                <c:pt idx="1">
                  <c:v>15</c:v>
                </c:pt>
                <c:pt idx="2">
                  <c:v>15</c:v>
                </c:pt>
                <c:pt idx="3">
                  <c:v>15</c:v>
                </c:pt>
                <c:pt idx="4">
                  <c:v>15</c:v>
                </c:pt>
                <c:pt idx="5">
                  <c:v>15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4-BE84-499C-B5B8-8AA48A5716A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224217808"/>
        <c:axId val="1"/>
      </c:lineChart>
      <c:catAx>
        <c:axId val="224217808"/>
        <c:scaling>
          <c:orientation val="minMax"/>
        </c:scaling>
        <c:delete val="0"/>
        <c:axPos val="b"/>
        <c:title>
          <c:tx>
            <c:rich>
              <a:bodyPr/>
              <a:lstStyle/>
              <a:p>
                <a:pPr>
                  <a:defRPr/>
                </a:pPr>
                <a:r>
                  <a:rPr lang="en-US"/>
                  <a:t>SCA index</a:t>
                </a:r>
              </a:p>
            </c:rich>
          </c:tx>
          <c:layout>
            <c:manualLayout>
              <c:xMode val="edge"/>
              <c:yMode val="edge"/>
              <c:x val="0.44483641579686262"/>
              <c:y val="0.87908007183534198"/>
            </c:manualLayout>
          </c:layout>
          <c:overlay val="0"/>
        </c:title>
        <c:numFmt formatCode="General" sourceLinked="1"/>
        <c:majorTickMark val="out"/>
        <c:minorTickMark val="none"/>
        <c:tickLblPos val="nextTo"/>
        <c:txPr>
          <a:bodyPr rot="0" vert="horz"/>
          <a:lstStyle/>
          <a:p>
            <a:pPr>
              <a:defRPr/>
            </a:pPr>
            <a:endParaRPr lang="en-US"/>
          </a:p>
        </c:txPr>
        <c:crossAx val="1"/>
        <c:crosses val="autoZero"/>
        <c:auto val="1"/>
        <c:lblAlgn val="ctr"/>
        <c:lblOffset val="100"/>
        <c:noMultiLvlLbl val="0"/>
      </c:catAx>
      <c:valAx>
        <c:axId val="1"/>
        <c:scaling>
          <c:orientation val="minMax"/>
          <c:max val="45"/>
          <c:min val="0"/>
        </c:scaling>
        <c:delete val="0"/>
        <c:axPos val="l"/>
        <c:majorGridlines/>
        <c:title>
          <c:tx>
            <c:rich>
              <a:bodyPr/>
              <a:lstStyle/>
              <a:p>
                <a:pPr>
                  <a:defRPr/>
                </a:pPr>
                <a:r>
                  <a:rPr lang="en-US"/>
                  <a:t>CDS Noise ( e)</a:t>
                </a:r>
              </a:p>
            </c:rich>
          </c:tx>
          <c:layout/>
          <c:overlay val="0"/>
        </c:title>
        <c:numFmt formatCode="General" sourceLinked="1"/>
        <c:majorTickMark val="out"/>
        <c:minorTickMark val="none"/>
        <c:tickLblPos val="nextTo"/>
        <c:txPr>
          <a:bodyPr rot="0" vert="horz"/>
          <a:lstStyle/>
          <a:p>
            <a:pPr>
              <a:defRPr/>
            </a:pPr>
            <a:endParaRPr lang="en-US"/>
          </a:p>
        </c:txPr>
        <c:crossAx val="224217808"/>
        <c:crosses val="autoZero"/>
        <c:crossBetween val="between"/>
      </c:valAx>
    </c:plotArea>
    <c:legend>
      <c:legendPos val="r"/>
      <c:legendEntry>
        <c:idx val="3"/>
        <c:delete val="1"/>
      </c:legendEntry>
      <c:layout>
        <c:manualLayout>
          <c:xMode val="edge"/>
          <c:yMode val="edge"/>
          <c:x val="0.51786180797167791"/>
          <c:y val="0"/>
          <c:w val="0.48173147247043563"/>
          <c:h val="0.35368648706285816"/>
        </c:manualLayout>
      </c:layout>
      <c:overlay val="0"/>
      <c:spPr>
        <a:solidFill>
          <a:schemeClr val="bg1">
            <a:lumMod val="85000"/>
          </a:schemeClr>
        </a:solidFill>
      </c:spPr>
      <c:txPr>
        <a:bodyPr/>
        <a:lstStyle/>
        <a:p>
          <a:pPr>
            <a:defRPr sz="900"/>
          </a:pPr>
          <a:endParaRPr lang="en-US"/>
        </a:p>
      </c:txPr>
    </c:legend>
    <c:plotVisOnly val="1"/>
    <c:dispBlanksAs val="gap"/>
    <c:showDLblsOverMax val="0"/>
  </c:chart>
  <c:txPr>
    <a:bodyPr/>
    <a:lstStyle/>
    <a:p>
      <a:pPr>
        <a:defRPr sz="1100" b="0" i="0" u="none" strike="noStrike" baseline="0">
          <a:solidFill>
            <a:srgbClr val="000000"/>
          </a:solidFill>
          <a:latin typeface="Calibri"/>
          <a:ea typeface="Calibri"/>
          <a:cs typeface="Calibri"/>
        </a:defRPr>
      </a:pPr>
      <a:endParaRPr lang="en-US"/>
    </a:p>
  </c:txPr>
  <c:externalData r:id="rId1">
    <c:autoUpdate val="0"/>
  </c:externalData>
</c:chartSpac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wmf"/></Relationships>
</file>

<file path=ppt/drawings/_rels/vmlDrawing2.vml.rels><?xml version="1.0" encoding="UTF-8" standalone="yes"?>
<Relationships xmlns="http://schemas.openxmlformats.org/package/2006/relationships"><Relationship Id="rId3" Type="http://schemas.openxmlformats.org/officeDocument/2006/relationships/image" Target="../media/image19.emf"/><Relationship Id="rId2" Type="http://schemas.openxmlformats.org/officeDocument/2006/relationships/image" Target="../media/image18.emf"/><Relationship Id="rId1" Type="http://schemas.openxmlformats.org/officeDocument/2006/relationships/image" Target="../media/image17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1"/>
            <a:ext cx="3012001" cy="461193"/>
          </a:xfrm>
          <a:prstGeom prst="rect">
            <a:avLst/>
          </a:prstGeom>
        </p:spPr>
        <p:txBody>
          <a:bodyPr vert="horz" lIns="87486" tIns="43743" rIns="87486" bIns="43743" rtlCol="0"/>
          <a:lstStyle>
            <a:lvl1pPr algn="l">
              <a:defRPr sz="11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36566" y="1"/>
            <a:ext cx="3012001" cy="461193"/>
          </a:xfrm>
          <a:prstGeom prst="rect">
            <a:avLst/>
          </a:prstGeom>
        </p:spPr>
        <p:txBody>
          <a:bodyPr vert="horz" lIns="87486" tIns="43743" rIns="87486" bIns="43743" rtlCol="0"/>
          <a:lstStyle>
            <a:lvl1pPr algn="r">
              <a:defRPr sz="1100"/>
            </a:lvl1pPr>
          </a:lstStyle>
          <a:p>
            <a:fld id="{9688E5D2-4B41-5F4D-A28F-F27405DAF112}" type="datetimeFigureOut">
              <a:rPr lang="en-US" smtClean="0"/>
              <a:pPr/>
              <a:t>9/25/2017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773357"/>
            <a:ext cx="3012001" cy="461193"/>
          </a:xfrm>
          <a:prstGeom prst="rect">
            <a:avLst/>
          </a:prstGeom>
        </p:spPr>
        <p:txBody>
          <a:bodyPr vert="horz" lIns="87486" tIns="43743" rIns="87486" bIns="43743" rtlCol="0" anchor="b"/>
          <a:lstStyle>
            <a:lvl1pPr algn="l">
              <a:defRPr sz="11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36566" y="8773357"/>
            <a:ext cx="3012001" cy="461193"/>
          </a:xfrm>
          <a:prstGeom prst="rect">
            <a:avLst/>
          </a:prstGeom>
        </p:spPr>
        <p:txBody>
          <a:bodyPr vert="horz" lIns="87486" tIns="43743" rIns="87486" bIns="43743" rtlCol="0" anchor="b"/>
          <a:lstStyle>
            <a:lvl1pPr algn="r">
              <a:defRPr sz="1100"/>
            </a:lvl1pPr>
          </a:lstStyle>
          <a:p>
            <a:fld id="{E6C14D2F-A711-AA45-8DFC-EDD67769D3AB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225320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1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1166813" y="693738"/>
            <a:ext cx="4616450" cy="3462337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</p:sp>
      <p:sp>
        <p:nvSpPr>
          <p:cNvPr id="11266" name="Rectangle 2"/>
          <p:cNvSpPr>
            <a:spLocks noGrp="1" noChangeArrowheads="1"/>
          </p:cNvSpPr>
          <p:nvPr>
            <p:ph type="body" sz="quarter" idx="1"/>
          </p:nvPr>
        </p:nvSpPr>
        <p:spPr bwMode="auto">
          <a:xfrm>
            <a:off x="695311" y="4387443"/>
            <a:ext cx="5559457" cy="415531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  <p:txBody>
          <a:bodyPr vert="horz" wrap="square" lIns="92480" tIns="46241" rIns="92480" bIns="46241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040729516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Rectangle 7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37000" y="8772525"/>
            <a:ext cx="3011488" cy="461963"/>
          </a:xfrm>
          <a:prstGeom prst="rect">
            <a:avLst/>
          </a:prstGeo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32" tIns="45716" rIns="91432" bIns="45716"/>
          <a:lstStyle>
            <a:lvl1pPr defTabSz="923386">
              <a:defRPr sz="1300" b="1">
                <a:solidFill>
                  <a:schemeClr val="tx1"/>
                </a:solidFill>
                <a:latin typeface="Arial Narrow" pitchFamily="34" charset="0"/>
                <a:ea typeface="ＭＳ Ｐゴシック" pitchFamily="34" charset="-128"/>
              </a:defRPr>
            </a:lvl1pPr>
            <a:lvl2pPr marL="742657" indent="-285521" defTabSz="923386">
              <a:defRPr sz="1300" b="1">
                <a:solidFill>
                  <a:schemeClr val="tx1"/>
                </a:solidFill>
                <a:latin typeface="Arial Narrow" pitchFamily="34" charset="0"/>
                <a:ea typeface="ＭＳ Ｐゴシック" pitchFamily="34" charset="-128"/>
              </a:defRPr>
            </a:lvl2pPr>
            <a:lvl3pPr marL="1142082" indent="-227809" defTabSz="923386">
              <a:defRPr sz="1300" b="1">
                <a:solidFill>
                  <a:schemeClr val="tx1"/>
                </a:solidFill>
                <a:latin typeface="Arial Narrow" pitchFamily="34" charset="0"/>
                <a:ea typeface="ＭＳ Ｐゴシック" pitchFamily="34" charset="-128"/>
              </a:defRPr>
            </a:lvl3pPr>
            <a:lvl4pPr marL="1599219" indent="-227809" defTabSz="923386">
              <a:defRPr sz="1300" b="1">
                <a:solidFill>
                  <a:schemeClr val="tx1"/>
                </a:solidFill>
                <a:latin typeface="Arial Narrow" pitchFamily="34" charset="0"/>
                <a:ea typeface="ＭＳ Ｐゴシック" pitchFamily="34" charset="-128"/>
              </a:defRPr>
            </a:lvl4pPr>
            <a:lvl5pPr marL="2056356" indent="-227809" defTabSz="923386">
              <a:defRPr sz="1300" b="1">
                <a:solidFill>
                  <a:schemeClr val="tx1"/>
                </a:solidFill>
                <a:latin typeface="Arial Narrow" pitchFamily="34" charset="0"/>
                <a:ea typeface="ＭＳ Ｐゴシック" pitchFamily="34" charset="-128"/>
              </a:defRPr>
            </a:lvl5pPr>
            <a:lvl6pPr marL="2493750" indent="-227809" defTabSz="923386" eaLnBrk="0" fontAlgn="base" hangingPunct="0">
              <a:spcBef>
                <a:spcPct val="0"/>
              </a:spcBef>
              <a:spcAft>
                <a:spcPct val="0"/>
              </a:spcAft>
              <a:defRPr sz="1300" b="1">
                <a:solidFill>
                  <a:schemeClr val="tx1"/>
                </a:solidFill>
                <a:latin typeface="Arial Narrow" pitchFamily="34" charset="0"/>
                <a:ea typeface="ＭＳ Ｐゴシック" pitchFamily="34" charset="-128"/>
              </a:defRPr>
            </a:lvl6pPr>
            <a:lvl7pPr marL="2931141" indent="-227809" defTabSz="923386" eaLnBrk="0" fontAlgn="base" hangingPunct="0">
              <a:spcBef>
                <a:spcPct val="0"/>
              </a:spcBef>
              <a:spcAft>
                <a:spcPct val="0"/>
              </a:spcAft>
              <a:defRPr sz="1300" b="1">
                <a:solidFill>
                  <a:schemeClr val="tx1"/>
                </a:solidFill>
                <a:latin typeface="Arial Narrow" pitchFamily="34" charset="0"/>
                <a:ea typeface="ＭＳ Ｐゴシック" pitchFamily="34" charset="-128"/>
              </a:defRPr>
            </a:lvl7pPr>
            <a:lvl8pPr marL="3368535" indent="-227809" defTabSz="923386" eaLnBrk="0" fontAlgn="base" hangingPunct="0">
              <a:spcBef>
                <a:spcPct val="0"/>
              </a:spcBef>
              <a:spcAft>
                <a:spcPct val="0"/>
              </a:spcAft>
              <a:defRPr sz="1300" b="1">
                <a:solidFill>
                  <a:schemeClr val="tx1"/>
                </a:solidFill>
                <a:latin typeface="Arial Narrow" pitchFamily="34" charset="0"/>
                <a:ea typeface="ＭＳ Ｐゴシック" pitchFamily="34" charset="-128"/>
              </a:defRPr>
            </a:lvl8pPr>
            <a:lvl9pPr marL="3805928" indent="-227809" defTabSz="923386" eaLnBrk="0" fontAlgn="base" hangingPunct="0">
              <a:spcBef>
                <a:spcPct val="0"/>
              </a:spcBef>
              <a:spcAft>
                <a:spcPct val="0"/>
              </a:spcAft>
              <a:defRPr sz="1300" b="1">
                <a:solidFill>
                  <a:schemeClr val="tx1"/>
                </a:solidFill>
                <a:latin typeface="Arial Narrow" pitchFamily="34" charset="0"/>
                <a:ea typeface="ＭＳ Ｐゴシック" pitchFamily="34" charset="-128"/>
              </a:defRPr>
            </a:lvl9pPr>
          </a:lstStyle>
          <a:p>
            <a:fld id="{481B899E-B93D-4090-B157-CFFF09509834}" type="slidenum">
              <a:rPr lang="en-US" altLang="en-US" sz="1200" b="0">
                <a:solidFill>
                  <a:srgbClr val="000000"/>
                </a:solidFill>
                <a:latin typeface="Arial" pitchFamily="34" charset="0"/>
              </a:rPr>
              <a:pPr/>
              <a:t>3</a:t>
            </a:fld>
            <a:endParaRPr lang="en-US" altLang="en-US" sz="1200" b="0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9933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68400" y="693738"/>
            <a:ext cx="4616450" cy="3462337"/>
          </a:xfrm>
          <a:ln/>
        </p:spPr>
      </p:sp>
      <p:sp>
        <p:nvSpPr>
          <p:cNvPr id="99332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/>
            <a:endParaRPr lang="en-US" altLang="en-US" smtClean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01560550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3937000" y="8772525"/>
            <a:ext cx="3011488" cy="461963"/>
          </a:xfrm>
          <a:prstGeom prst="rect">
            <a:avLst/>
          </a:prstGeom>
        </p:spPr>
        <p:txBody>
          <a:bodyPr lIns="91432" tIns="45716" rIns="91432" bIns="45716"/>
          <a:lstStyle/>
          <a:p>
            <a:fld id="{71CC0D28-8A9D-B34C-99C2-2B30EC75A490}" type="slidenum">
              <a:rPr lang="en-US" smtClean="0">
                <a:solidFill>
                  <a:prstClr val="black"/>
                </a:solidFill>
              </a:rPr>
              <a:pPr/>
              <a:t>4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0880433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3937000" y="8772525"/>
            <a:ext cx="3011488" cy="461963"/>
          </a:xfrm>
          <a:prstGeom prst="rect">
            <a:avLst/>
          </a:prstGeom>
        </p:spPr>
        <p:txBody>
          <a:bodyPr lIns="91432" tIns="45716" rIns="91432" bIns="45716"/>
          <a:lstStyle/>
          <a:p>
            <a:fld id="{71CC0D28-8A9D-B34C-99C2-2B30EC75A490}" type="slidenum">
              <a:rPr lang="en-US" smtClean="0">
                <a:solidFill>
                  <a:prstClr val="black"/>
                </a:solidFill>
              </a:rPr>
              <a:pPr/>
              <a:t>20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0880433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hyperlink" Target="http://www.sdw2013.org/index.html" TargetMode="External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2499750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219200"/>
            <a:ext cx="8429625" cy="52578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7902067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pic>
        <p:nvPicPr>
          <p:cNvPr id="4" name="Picture 3" descr="http://www.sdw2013.org/images/logo08.png">
            <a:hlinkClick r:id="rId2"/>
          </p:cNvPr>
          <p:cNvPicPr>
            <a:picLocks noChangeAspect="1" noChangeArrowheads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657737" y="6474822"/>
            <a:ext cx="457200" cy="38317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31358559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08208756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hyperlink" Target="http://www.ipmu.jp/" TargetMode="External"/><Relationship Id="rId13" Type="http://schemas.microsoft.com/office/2007/relationships/hdphoto" Target="../media/hdphoto1.wdp"/><Relationship Id="rId18" Type="http://schemas.openxmlformats.org/officeDocument/2006/relationships/image" Target="../media/image10.pn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2.jpeg"/><Relationship Id="rId12" Type="http://schemas.openxmlformats.org/officeDocument/2006/relationships/image" Target="../media/image5.png"/><Relationship Id="rId17" Type="http://schemas.openxmlformats.org/officeDocument/2006/relationships/image" Target="../media/image9.jpg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8.pn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1.png"/><Relationship Id="rId11" Type="http://schemas.openxmlformats.org/officeDocument/2006/relationships/image" Target="../media/image4.png"/><Relationship Id="rId5" Type="http://schemas.openxmlformats.org/officeDocument/2006/relationships/theme" Target="../theme/theme1.xml"/><Relationship Id="rId15" Type="http://schemas.openxmlformats.org/officeDocument/2006/relationships/image" Target="../media/image7.png"/><Relationship Id="rId10" Type="http://schemas.openxmlformats.org/officeDocument/2006/relationships/hyperlink" Target="http://www.princeton.edu/" TargetMode="External"/><Relationship Id="rId4" Type="http://schemas.openxmlformats.org/officeDocument/2006/relationships/slideLayout" Target="../slideLayouts/slideLayout4.xml"/><Relationship Id="rId9" Type="http://schemas.openxmlformats.org/officeDocument/2006/relationships/image" Target="../media/image3.gif"/><Relationship Id="rId14" Type="http://schemas.openxmlformats.org/officeDocument/2006/relationships/image" Target="../media/image6.jp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1"/>
          <p:cNvSpPr>
            <a:spLocks noGrp="1" noChangeArrowheads="1"/>
          </p:cNvSpPr>
          <p:nvPr>
            <p:ph type="title"/>
          </p:nvPr>
        </p:nvSpPr>
        <p:spPr bwMode="auto">
          <a:xfrm>
            <a:off x="381000" y="0"/>
            <a:ext cx="8458200" cy="6858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  <p:txBody>
          <a:bodyPr vert="horz" wrap="square" lIns="50800" tIns="50800" rIns="91440" bIns="508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>
                <a:sym typeface="Impact" pitchFamily="34" charset="0"/>
              </a:rPr>
              <a:t>Click to edit Master title style</a:t>
            </a:r>
          </a:p>
        </p:txBody>
      </p:sp>
      <p:sp>
        <p:nvSpPr>
          <p:cNvPr id="1027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1000" y="1619250"/>
            <a:ext cx="8429625" cy="52578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  <p:txBody>
          <a:bodyPr vert="horz" wrap="square" lIns="50800" tIns="50800" rIns="91440" bIns="5080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>
                <a:sym typeface="Arial Narrow Bold" charset="0"/>
              </a:rPr>
              <a:t>Click to edit Master text styles</a:t>
            </a:r>
          </a:p>
          <a:p>
            <a:pPr lvl="1"/>
            <a:r>
              <a:rPr lang="en-US" dirty="0" smtClean="0">
                <a:sym typeface="Arial Narrow Bold" charset="0"/>
              </a:rPr>
              <a:t>Second level</a:t>
            </a:r>
          </a:p>
          <a:p>
            <a:pPr lvl="2"/>
            <a:r>
              <a:rPr lang="en-US" dirty="0" smtClean="0">
                <a:sym typeface="Arial Narrow Bold" charset="0"/>
              </a:rPr>
              <a:t>Third level</a:t>
            </a:r>
          </a:p>
          <a:p>
            <a:pPr lvl="3"/>
            <a:r>
              <a:rPr lang="en-US" dirty="0" smtClean="0">
                <a:sym typeface="Arial Narrow Bold" charset="0"/>
              </a:rPr>
              <a:t>Fourth level</a:t>
            </a:r>
          </a:p>
          <a:p>
            <a:pPr lvl="4"/>
            <a:r>
              <a:rPr lang="en-US" dirty="0" smtClean="0">
                <a:sym typeface="Arial Narrow Bold" charset="0"/>
              </a:rPr>
              <a:t>Fifth level</a:t>
            </a:r>
          </a:p>
        </p:txBody>
      </p:sp>
      <p:pic>
        <p:nvPicPr>
          <p:cNvPr id="4" name="Picture 80"/>
          <p:cNvPicPr>
            <a:picLocks noChangeAspect="1" noChangeArrowheads="1"/>
          </p:cNvPicPr>
          <p:nvPr userDrawn="1"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00" t="11720" r="66216" b="83635"/>
          <a:stretch>
            <a:fillRect/>
          </a:stretch>
        </p:blipFill>
        <p:spPr bwMode="auto">
          <a:xfrm>
            <a:off x="3074724" y="6376863"/>
            <a:ext cx="1478601" cy="16771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99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FF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5" name="Picture 5" descr="C:\Documents and Settings\rblank\My Documents\TDY\Teledyne Logos - Nov 2012\TIS-C+2.jpg"/>
          <p:cNvPicPr>
            <a:picLocks noChangeAspect="1" noChangeArrowheads="1"/>
          </p:cNvPicPr>
          <p:nvPr userDrawn="1"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6758" y="6487194"/>
            <a:ext cx="1459142" cy="334927"/>
          </a:xfrm>
          <a:prstGeom prst="rect">
            <a:avLst/>
          </a:prstGeom>
          <a:noFill/>
        </p:spPr>
      </p:pic>
      <p:pic>
        <p:nvPicPr>
          <p:cNvPr id="6" name="Picture 4" descr="ipmu">
            <a:hlinkClick r:id="rId8"/>
          </p:cNvPr>
          <p:cNvPicPr>
            <a:picLocks noChangeAspect="1" noChangeArrowheads="1"/>
          </p:cNvPicPr>
          <p:nvPr userDrawn="1"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80852" y="6515100"/>
            <a:ext cx="1643748" cy="34404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99010" name="Picture 2" descr="Princeton University">
            <a:hlinkClick r:id="rId10"/>
          </p:cNvPr>
          <p:cNvPicPr>
            <a:picLocks noChangeAspect="1" noChangeArrowheads="1"/>
          </p:cNvPicPr>
          <p:nvPr userDrawn="1"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23999" y="6731000"/>
            <a:ext cx="1021937" cy="851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99012" name="Picture 4" descr="Department of Astrophysical Sciences"/>
          <p:cNvPicPr>
            <a:picLocks noChangeAspect="1" noChangeArrowheads="1"/>
          </p:cNvPicPr>
          <p:nvPr userDrawn="1"/>
        </p:nvPicPr>
        <p:blipFill>
          <a:blip r:embed="rId12" cstate="print">
            <a:extLst>
              <a:ext uri="{BEBA8EAE-BF5A-486C-A8C5-ECC9F3942E4B}">
                <a14:imgProps xmlns:a14="http://schemas.microsoft.com/office/drawing/2010/main">
                  <a14:imgLayer r:embed="rId13">
                    <a14:imgEffect>
                      <a14:brightnessContrast bright="-100000" contrast="10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24000" y="6356890"/>
            <a:ext cx="685800" cy="39245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53400" y="6441586"/>
            <a:ext cx="952500" cy="395776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48000" y="6553116"/>
            <a:ext cx="1600200" cy="289832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642594" y="6350931"/>
            <a:ext cx="355930" cy="465231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 userDrawn="1"/>
        </p:nvPicPr>
        <p:blipFill>
          <a:blip r:embed="rId1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14073" y="6309612"/>
            <a:ext cx="463127" cy="527750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 userDrawn="1"/>
        </p:nvPicPr>
        <p:blipFill>
          <a:blip r:embed="rId1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50592" y="6361705"/>
            <a:ext cx="1207939" cy="490725"/>
          </a:xfrm>
          <a:prstGeom prst="rect">
            <a:avLst/>
          </a:prstGeom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52" r:id="rId1"/>
    <p:sldLayoutId id="2147483653" r:id="rId2"/>
    <p:sldLayoutId id="2147483657" r:id="rId3"/>
    <p:sldLayoutId id="2147483868" r:id="rId4"/>
  </p:sldLayoutIdLst>
  <p:transition/>
  <p:txStyles>
    <p:titleStyle>
      <a:lvl1pPr marL="39688" indent="-39688" algn="l" rtl="0" eaLnBrk="0" fontAlgn="base" hangingPunct="0">
        <a:spcBef>
          <a:spcPct val="0"/>
        </a:spcBef>
        <a:spcAft>
          <a:spcPct val="0"/>
        </a:spcAft>
        <a:defRPr sz="2800">
          <a:solidFill>
            <a:srgbClr val="0A57A5"/>
          </a:solidFill>
          <a:latin typeface="+mj-lt"/>
          <a:ea typeface="+mj-ea"/>
          <a:cs typeface="+mj-cs"/>
          <a:sym typeface="Impact" pitchFamily="34" charset="0"/>
        </a:defRPr>
      </a:lvl1pPr>
      <a:lvl2pPr marL="39688" indent="-39688" algn="l" rtl="0" eaLnBrk="0" fontAlgn="base" hangingPunct="0">
        <a:spcBef>
          <a:spcPct val="0"/>
        </a:spcBef>
        <a:spcAft>
          <a:spcPct val="0"/>
        </a:spcAft>
        <a:defRPr sz="2800">
          <a:solidFill>
            <a:srgbClr val="0A57A5"/>
          </a:solidFill>
          <a:latin typeface="Impact" charset="0"/>
          <a:ea typeface="ヒラギノ角ゴ ProN W6" charset="0"/>
          <a:cs typeface="ヒラギノ角ゴ ProN W6" charset="0"/>
          <a:sym typeface="Impact" pitchFamily="34" charset="0"/>
        </a:defRPr>
      </a:lvl2pPr>
      <a:lvl3pPr marL="39688" indent="-39688" algn="l" rtl="0" eaLnBrk="0" fontAlgn="base" hangingPunct="0">
        <a:spcBef>
          <a:spcPct val="0"/>
        </a:spcBef>
        <a:spcAft>
          <a:spcPct val="0"/>
        </a:spcAft>
        <a:defRPr sz="2800">
          <a:solidFill>
            <a:srgbClr val="0A57A5"/>
          </a:solidFill>
          <a:latin typeface="Impact" charset="0"/>
          <a:ea typeface="ヒラギノ角ゴ ProN W6" charset="0"/>
          <a:cs typeface="ヒラギノ角ゴ ProN W6" charset="0"/>
          <a:sym typeface="Impact" pitchFamily="34" charset="0"/>
        </a:defRPr>
      </a:lvl3pPr>
      <a:lvl4pPr marL="39688" indent="-39688" algn="l" rtl="0" eaLnBrk="0" fontAlgn="base" hangingPunct="0">
        <a:spcBef>
          <a:spcPct val="0"/>
        </a:spcBef>
        <a:spcAft>
          <a:spcPct val="0"/>
        </a:spcAft>
        <a:defRPr sz="2800">
          <a:solidFill>
            <a:srgbClr val="0A57A5"/>
          </a:solidFill>
          <a:latin typeface="Impact" charset="0"/>
          <a:ea typeface="ヒラギノ角ゴ ProN W6" charset="0"/>
          <a:cs typeface="ヒラギノ角ゴ ProN W6" charset="0"/>
          <a:sym typeface="Impact" pitchFamily="34" charset="0"/>
        </a:defRPr>
      </a:lvl4pPr>
      <a:lvl5pPr marL="39688" indent="-39688" algn="l" rtl="0" eaLnBrk="0" fontAlgn="base" hangingPunct="0">
        <a:spcBef>
          <a:spcPct val="0"/>
        </a:spcBef>
        <a:spcAft>
          <a:spcPct val="0"/>
        </a:spcAft>
        <a:defRPr sz="2800">
          <a:solidFill>
            <a:srgbClr val="0A57A5"/>
          </a:solidFill>
          <a:latin typeface="Impact" charset="0"/>
          <a:ea typeface="ヒラギノ角ゴ ProN W6" charset="0"/>
          <a:cs typeface="ヒラギノ角ゴ ProN W6" charset="0"/>
          <a:sym typeface="Impact" pitchFamily="34" charset="0"/>
        </a:defRPr>
      </a:lvl5pPr>
      <a:lvl6pPr marL="496888" algn="l" rtl="0" fontAlgn="base">
        <a:spcBef>
          <a:spcPct val="0"/>
        </a:spcBef>
        <a:spcAft>
          <a:spcPct val="0"/>
        </a:spcAft>
        <a:defRPr sz="2800">
          <a:solidFill>
            <a:srgbClr val="0A57A5"/>
          </a:solidFill>
          <a:latin typeface="Impact" charset="0"/>
          <a:ea typeface="ヒラギノ角ゴ ProN W6" charset="0"/>
          <a:cs typeface="ヒラギノ角ゴ ProN W6" charset="0"/>
          <a:sym typeface="Impact" charset="0"/>
        </a:defRPr>
      </a:lvl6pPr>
      <a:lvl7pPr marL="954088" algn="l" rtl="0" fontAlgn="base">
        <a:spcBef>
          <a:spcPct val="0"/>
        </a:spcBef>
        <a:spcAft>
          <a:spcPct val="0"/>
        </a:spcAft>
        <a:defRPr sz="2800">
          <a:solidFill>
            <a:srgbClr val="0A57A5"/>
          </a:solidFill>
          <a:latin typeface="Impact" charset="0"/>
          <a:ea typeface="ヒラギノ角ゴ ProN W6" charset="0"/>
          <a:cs typeface="ヒラギノ角ゴ ProN W6" charset="0"/>
          <a:sym typeface="Impact" charset="0"/>
        </a:defRPr>
      </a:lvl7pPr>
      <a:lvl8pPr marL="1411288" algn="l" rtl="0" fontAlgn="base">
        <a:spcBef>
          <a:spcPct val="0"/>
        </a:spcBef>
        <a:spcAft>
          <a:spcPct val="0"/>
        </a:spcAft>
        <a:defRPr sz="2800">
          <a:solidFill>
            <a:srgbClr val="0A57A5"/>
          </a:solidFill>
          <a:latin typeface="Impact" charset="0"/>
          <a:ea typeface="ヒラギノ角ゴ ProN W6" charset="0"/>
          <a:cs typeface="ヒラギノ角ゴ ProN W6" charset="0"/>
          <a:sym typeface="Impact" charset="0"/>
        </a:defRPr>
      </a:lvl8pPr>
      <a:lvl9pPr marL="1868488" algn="l" rtl="0" fontAlgn="base">
        <a:spcBef>
          <a:spcPct val="0"/>
        </a:spcBef>
        <a:spcAft>
          <a:spcPct val="0"/>
        </a:spcAft>
        <a:defRPr sz="2800">
          <a:solidFill>
            <a:srgbClr val="0A57A5"/>
          </a:solidFill>
          <a:latin typeface="Impact" charset="0"/>
          <a:ea typeface="ヒラギノ角ゴ ProN W6" charset="0"/>
          <a:cs typeface="ヒラギノ角ゴ ProN W6" charset="0"/>
          <a:sym typeface="Impact" charset="0"/>
        </a:defRPr>
      </a:lvl9pPr>
    </p:titleStyle>
    <p:bodyStyle>
      <a:lvl1pPr marL="382588" indent="-342900" algn="l" rtl="0" eaLnBrk="0" fontAlgn="base" hangingPunct="0">
        <a:spcBef>
          <a:spcPts val="1400"/>
        </a:spcBef>
        <a:spcAft>
          <a:spcPct val="0"/>
        </a:spcAft>
        <a:buClr>
          <a:srgbClr val="0A57A5"/>
        </a:buClr>
        <a:buSzPct val="100000"/>
        <a:buFont typeface="Times" pitchFamily="18" charset="0"/>
        <a:buChar char="•"/>
        <a:defRPr sz="2400">
          <a:solidFill>
            <a:schemeClr val="tx1"/>
          </a:solidFill>
          <a:latin typeface="+mn-lt"/>
          <a:ea typeface="+mn-ea"/>
          <a:cs typeface="+mn-cs"/>
          <a:sym typeface="Arial Narrow Bold" charset="0"/>
        </a:defRPr>
      </a:lvl1pPr>
      <a:lvl2pPr marL="681038" indent="-285750" algn="l" rtl="0" eaLnBrk="0" fontAlgn="base" hangingPunct="0">
        <a:spcBef>
          <a:spcPct val="0"/>
        </a:spcBef>
        <a:spcAft>
          <a:spcPct val="0"/>
        </a:spcAft>
        <a:buClr>
          <a:srgbClr val="0A57A5"/>
        </a:buClr>
        <a:buSzPct val="100000"/>
        <a:buFont typeface="Arial Narrow" pitchFamily="34" charset="0"/>
        <a:buChar char="–"/>
        <a:defRPr sz="2400">
          <a:solidFill>
            <a:schemeClr val="tx1"/>
          </a:solidFill>
          <a:latin typeface="+mn-lt"/>
          <a:ea typeface="+mn-ea"/>
          <a:cs typeface="+mn-cs"/>
          <a:sym typeface="Arial Narrow Bold" charset="0"/>
        </a:defRPr>
      </a:lvl2pPr>
      <a:lvl3pPr marL="1023938" indent="-228600" algn="l" rtl="0" eaLnBrk="0" fontAlgn="base" hangingPunct="0">
        <a:spcBef>
          <a:spcPct val="0"/>
        </a:spcBef>
        <a:spcAft>
          <a:spcPct val="0"/>
        </a:spcAft>
        <a:buClr>
          <a:srgbClr val="0A57A5"/>
        </a:buClr>
        <a:buSzPct val="100000"/>
        <a:buFont typeface="Times" pitchFamily="18" charset="0"/>
        <a:buChar char="•"/>
        <a:defRPr sz="2000">
          <a:solidFill>
            <a:schemeClr val="tx1"/>
          </a:solidFill>
          <a:latin typeface="+mn-lt"/>
          <a:ea typeface="+mn-ea"/>
          <a:cs typeface="+mn-cs"/>
          <a:sym typeface="Arial Narrow Bold" charset="0"/>
        </a:defRPr>
      </a:lvl3pPr>
      <a:lvl4pPr marL="1366838" indent="-228600" algn="l" rtl="0" eaLnBrk="0" fontAlgn="base" hangingPunct="0">
        <a:spcBef>
          <a:spcPct val="0"/>
        </a:spcBef>
        <a:spcAft>
          <a:spcPct val="0"/>
        </a:spcAft>
        <a:buClr>
          <a:srgbClr val="0A57A5"/>
        </a:buClr>
        <a:buSzPct val="100000"/>
        <a:buFont typeface="Arial Narrow" pitchFamily="34" charset="0"/>
        <a:buChar char="–"/>
        <a:defRPr>
          <a:solidFill>
            <a:schemeClr val="tx1"/>
          </a:solidFill>
          <a:latin typeface="+mn-lt"/>
          <a:ea typeface="+mn-ea"/>
          <a:cs typeface="+mn-cs"/>
          <a:sym typeface="Arial Narrow Bold" charset="0"/>
        </a:defRPr>
      </a:lvl4pPr>
      <a:lvl5pPr marL="1709738" indent="-228600" algn="l" rtl="0" eaLnBrk="0" fontAlgn="base" hangingPunct="0">
        <a:spcBef>
          <a:spcPct val="0"/>
        </a:spcBef>
        <a:spcAft>
          <a:spcPct val="0"/>
        </a:spcAft>
        <a:buClr>
          <a:srgbClr val="0A57A5"/>
        </a:buClr>
        <a:buSzPct val="100000"/>
        <a:buFont typeface="Times" pitchFamily="18" charset="0"/>
        <a:buChar char="•"/>
        <a:defRPr>
          <a:solidFill>
            <a:schemeClr val="tx1"/>
          </a:solidFill>
          <a:latin typeface="+mn-lt"/>
          <a:ea typeface="+mn-ea"/>
          <a:cs typeface="+mn-cs"/>
          <a:sym typeface="Arial Narrow Bold" charset="0"/>
        </a:defRPr>
      </a:lvl5pPr>
      <a:lvl6pPr marL="2166938" indent="-228600" algn="l" rtl="0" fontAlgn="base">
        <a:spcBef>
          <a:spcPct val="0"/>
        </a:spcBef>
        <a:spcAft>
          <a:spcPct val="0"/>
        </a:spcAft>
        <a:buClr>
          <a:srgbClr val="0A57A5"/>
        </a:buClr>
        <a:buSzPct val="100000"/>
        <a:buFont typeface="Times" charset="0"/>
        <a:buChar char="•"/>
        <a:defRPr>
          <a:solidFill>
            <a:schemeClr val="tx1"/>
          </a:solidFill>
          <a:latin typeface="+mn-lt"/>
          <a:ea typeface="+mn-ea"/>
          <a:cs typeface="+mn-cs"/>
          <a:sym typeface="Arial Narrow Bold" charset="0"/>
        </a:defRPr>
      </a:lvl6pPr>
      <a:lvl7pPr marL="2624138" indent="-228600" algn="l" rtl="0" fontAlgn="base">
        <a:spcBef>
          <a:spcPct val="0"/>
        </a:spcBef>
        <a:spcAft>
          <a:spcPct val="0"/>
        </a:spcAft>
        <a:buClr>
          <a:srgbClr val="0A57A5"/>
        </a:buClr>
        <a:buSzPct val="100000"/>
        <a:buFont typeface="Times" charset="0"/>
        <a:buChar char="•"/>
        <a:defRPr>
          <a:solidFill>
            <a:schemeClr val="tx1"/>
          </a:solidFill>
          <a:latin typeface="+mn-lt"/>
          <a:ea typeface="+mn-ea"/>
          <a:cs typeface="+mn-cs"/>
          <a:sym typeface="Arial Narrow Bold" charset="0"/>
        </a:defRPr>
      </a:lvl7pPr>
      <a:lvl8pPr marL="3081338" indent="-228600" algn="l" rtl="0" fontAlgn="base">
        <a:spcBef>
          <a:spcPct val="0"/>
        </a:spcBef>
        <a:spcAft>
          <a:spcPct val="0"/>
        </a:spcAft>
        <a:buClr>
          <a:srgbClr val="0A57A5"/>
        </a:buClr>
        <a:buSzPct val="100000"/>
        <a:buFont typeface="Times" charset="0"/>
        <a:buChar char="•"/>
        <a:defRPr>
          <a:solidFill>
            <a:schemeClr val="tx1"/>
          </a:solidFill>
          <a:latin typeface="+mn-lt"/>
          <a:ea typeface="+mn-ea"/>
          <a:cs typeface="+mn-cs"/>
          <a:sym typeface="Arial Narrow Bold" charset="0"/>
        </a:defRPr>
      </a:lvl8pPr>
      <a:lvl9pPr marL="3538538" indent="-228600" algn="l" rtl="0" fontAlgn="base">
        <a:spcBef>
          <a:spcPct val="0"/>
        </a:spcBef>
        <a:spcAft>
          <a:spcPct val="0"/>
        </a:spcAft>
        <a:buClr>
          <a:srgbClr val="0A57A5"/>
        </a:buClr>
        <a:buSzPct val="100000"/>
        <a:buFont typeface="Times" charset="0"/>
        <a:buChar char="•"/>
        <a:defRPr>
          <a:solidFill>
            <a:schemeClr val="tx1"/>
          </a:solidFill>
          <a:latin typeface="+mn-lt"/>
          <a:ea typeface="+mn-ea"/>
          <a:cs typeface="+mn-cs"/>
          <a:sym typeface="Arial Narrow Bold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32.jpeg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5" Type="http://schemas.openxmlformats.org/officeDocument/2006/relationships/image" Target="../media/image34.jpg"/><Relationship Id="rId4" Type="http://schemas.openxmlformats.org/officeDocument/2006/relationships/image" Target="../media/image33.jpg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chart" Target="../charts/chart2.xml"/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5" Type="http://schemas.openxmlformats.org/officeDocument/2006/relationships/image" Target="../media/image36.jpg"/><Relationship Id="rId4" Type="http://schemas.openxmlformats.org/officeDocument/2006/relationships/image" Target="../media/image35.jp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6" Type="http://schemas.openxmlformats.org/officeDocument/2006/relationships/image" Target="../media/image38.jpg"/><Relationship Id="rId5" Type="http://schemas.openxmlformats.org/officeDocument/2006/relationships/image" Target="../media/image37.jpg"/><Relationship Id="rId4" Type="http://schemas.openxmlformats.org/officeDocument/2006/relationships/chart" Target="../charts/chart3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5" Type="http://schemas.openxmlformats.org/officeDocument/2006/relationships/image" Target="../media/image40.jpeg"/><Relationship Id="rId4" Type="http://schemas.openxmlformats.org/officeDocument/2006/relationships/image" Target="../media/image39.emf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6.xml"/><Relationship Id="rId4" Type="http://schemas.openxmlformats.org/officeDocument/2006/relationships/image" Target="../media/image42.emf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3.jpeg"/><Relationship Id="rId1" Type="http://schemas.openxmlformats.org/officeDocument/2006/relationships/slideLayout" Target="../slideLayouts/slideLayout4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4.emf"/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3" Type="http://schemas.microsoft.com/office/2007/relationships/hdphoto" Target="../media/hdphoto4.wdp"/><Relationship Id="rId2" Type="http://schemas.openxmlformats.org/officeDocument/2006/relationships/image" Target="../media/image45.png"/><Relationship Id="rId1" Type="http://schemas.openxmlformats.org/officeDocument/2006/relationships/slideLayout" Target="../slideLayouts/slideLayout4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jpg"/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wmf"/><Relationship Id="rId3" Type="http://schemas.openxmlformats.org/officeDocument/2006/relationships/slideLayout" Target="../slideLayouts/slideLayout2.xml"/><Relationship Id="rId7" Type="http://schemas.openxmlformats.org/officeDocument/2006/relationships/oleObject" Target="../embeddings/oleObject1.bin"/><Relationship Id="rId2" Type="http://schemas.openxmlformats.org/officeDocument/2006/relationships/tags" Target="../tags/tag1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15.jpg"/><Relationship Id="rId5" Type="http://schemas.openxmlformats.org/officeDocument/2006/relationships/image" Target="../media/image14.png"/><Relationship Id="rId4" Type="http://schemas.openxmlformats.org/officeDocument/2006/relationships/notesSlide" Target="../notesSlides/notesSlide1.xml"/><Relationship Id="rId9" Type="http://schemas.openxmlformats.org/officeDocument/2006/relationships/image" Target="../media/image16.emf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4.jpeg"/><Relationship Id="rId13" Type="http://schemas.openxmlformats.org/officeDocument/2006/relationships/oleObject" Target="../embeddings/oleObject4.bin"/><Relationship Id="rId3" Type="http://schemas.openxmlformats.org/officeDocument/2006/relationships/notesSlide" Target="../notesSlides/notesSlide2.xml"/><Relationship Id="rId7" Type="http://schemas.openxmlformats.org/officeDocument/2006/relationships/image" Target="../media/image23.jpeg"/><Relationship Id="rId12" Type="http://schemas.openxmlformats.org/officeDocument/2006/relationships/image" Target="../media/image18.emf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22.jpeg"/><Relationship Id="rId11" Type="http://schemas.openxmlformats.org/officeDocument/2006/relationships/oleObject" Target="../embeddings/oleObject3.bin"/><Relationship Id="rId5" Type="http://schemas.openxmlformats.org/officeDocument/2006/relationships/image" Target="../media/image21.jpeg"/><Relationship Id="rId15" Type="http://schemas.openxmlformats.org/officeDocument/2006/relationships/image" Target="../media/image25.jpeg"/><Relationship Id="rId10" Type="http://schemas.openxmlformats.org/officeDocument/2006/relationships/image" Target="../media/image17.emf"/><Relationship Id="rId4" Type="http://schemas.openxmlformats.org/officeDocument/2006/relationships/image" Target="../media/image20.png"/><Relationship Id="rId9" Type="http://schemas.openxmlformats.org/officeDocument/2006/relationships/oleObject" Target="../embeddings/oleObject2.bin"/><Relationship Id="rId14" Type="http://schemas.openxmlformats.org/officeDocument/2006/relationships/image" Target="../media/image19.emf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jpg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6" Type="http://schemas.microsoft.com/office/2007/relationships/hdphoto" Target="../media/hdphoto2.wdp"/><Relationship Id="rId5" Type="http://schemas.openxmlformats.org/officeDocument/2006/relationships/image" Target="../media/image27.png"/><Relationship Id="rId4" Type="http://schemas.openxmlformats.org/officeDocument/2006/relationships/image" Target="../media/image26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6" Type="http://schemas.microsoft.com/office/2007/relationships/hdphoto" Target="../media/hdphoto3.wdp"/><Relationship Id="rId5" Type="http://schemas.openxmlformats.org/officeDocument/2006/relationships/image" Target="../media/image29.png"/><Relationship Id="rId4" Type="http://schemas.openxmlformats.org/officeDocument/2006/relationships/image" Target="../media/image28.jpeg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chart" Target="../charts/chart1.xml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5" Type="http://schemas.openxmlformats.org/officeDocument/2006/relationships/image" Target="../media/image31.jpg"/><Relationship Id="rId4" Type="http://schemas.openxmlformats.org/officeDocument/2006/relationships/image" Target="../media/image30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/>
          <p:cNvSpPr txBox="1"/>
          <p:nvPr/>
        </p:nvSpPr>
        <p:spPr>
          <a:xfrm>
            <a:off x="304800" y="457200"/>
            <a:ext cx="8610600" cy="587083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000" b="1" dirty="0"/>
              <a:t>Performance of Science Grade HgCdTe H4RG-15 Image Sensors</a:t>
            </a:r>
          </a:p>
          <a:p>
            <a:pPr algn="ctr"/>
            <a:endParaRPr lang="en-US" sz="1600" b="1" dirty="0" smtClean="0"/>
          </a:p>
          <a:p>
            <a:pPr algn="ctr"/>
            <a:r>
              <a:rPr lang="en-US" sz="1600" b="1" dirty="0"/>
              <a:t> </a:t>
            </a:r>
          </a:p>
          <a:p>
            <a:pPr algn="ctr">
              <a:lnSpc>
                <a:spcPct val="150000"/>
              </a:lnSpc>
            </a:pPr>
            <a:r>
              <a:rPr lang="en-US" dirty="0"/>
              <a:t>Majid </a:t>
            </a:r>
            <a:r>
              <a:rPr lang="en-US" dirty="0" smtClean="0"/>
              <a:t>Zandian</a:t>
            </a:r>
            <a:r>
              <a:rPr lang="en-US" baseline="30000" dirty="0" smtClean="0"/>
              <a:t>1</a:t>
            </a:r>
            <a:r>
              <a:rPr lang="en-US" dirty="0" smtClean="0"/>
              <a:t>, Mark </a:t>
            </a:r>
            <a:r>
              <a:rPr lang="en-US" dirty="0"/>
              <a:t>Farris</a:t>
            </a:r>
            <a:r>
              <a:rPr lang="en-US" baseline="30000" dirty="0"/>
              <a:t>1</a:t>
            </a:r>
            <a:r>
              <a:rPr lang="en-US" dirty="0"/>
              <a:t>, William McLevige</a:t>
            </a:r>
            <a:r>
              <a:rPr lang="en-US" baseline="30000" dirty="0"/>
              <a:t>1</a:t>
            </a:r>
            <a:r>
              <a:rPr lang="en-US" dirty="0"/>
              <a:t>, Dennis Edwall</a:t>
            </a:r>
            <a:r>
              <a:rPr lang="en-US" baseline="30000" dirty="0"/>
              <a:t>1</a:t>
            </a:r>
            <a:r>
              <a:rPr lang="en-US" dirty="0"/>
              <a:t>, </a:t>
            </a:r>
            <a:r>
              <a:rPr lang="en-US" dirty="0" err="1"/>
              <a:t>Erdem</a:t>
            </a:r>
            <a:r>
              <a:rPr lang="en-US" dirty="0"/>
              <a:t> Arkun</a:t>
            </a:r>
            <a:r>
              <a:rPr lang="en-US" baseline="30000" dirty="0"/>
              <a:t>1</a:t>
            </a:r>
            <a:r>
              <a:rPr lang="en-US" dirty="0"/>
              <a:t>, Eric Holland</a:t>
            </a:r>
            <a:r>
              <a:rPr lang="en-US" baseline="30000" dirty="0"/>
              <a:t>1</a:t>
            </a:r>
            <a:r>
              <a:rPr lang="en-US" dirty="0"/>
              <a:t>, </a:t>
            </a:r>
            <a:r>
              <a:rPr lang="en-US" dirty="0" smtClean="0"/>
              <a:t>James </a:t>
            </a:r>
            <a:r>
              <a:rPr lang="en-US" dirty="0"/>
              <a:t>E Gunn</a:t>
            </a:r>
            <a:r>
              <a:rPr lang="en-US" baseline="30000" dirty="0"/>
              <a:t>2</a:t>
            </a:r>
            <a:r>
              <a:rPr lang="en-US" dirty="0"/>
              <a:t>, Stephen Smee</a:t>
            </a:r>
            <a:r>
              <a:rPr lang="en-US" baseline="30000" dirty="0"/>
              <a:t>4</a:t>
            </a:r>
            <a:r>
              <a:rPr lang="en-US" dirty="0"/>
              <a:t>, Donald N. B. Hall</a:t>
            </a:r>
            <a:r>
              <a:rPr lang="en-US" baseline="30000" dirty="0"/>
              <a:t>3</a:t>
            </a:r>
            <a:r>
              <a:rPr lang="en-US" dirty="0"/>
              <a:t>, Klaus W. Hodapp</a:t>
            </a:r>
            <a:r>
              <a:rPr lang="en-US" baseline="30000" dirty="0"/>
              <a:t>3</a:t>
            </a:r>
            <a:r>
              <a:rPr lang="en-US" dirty="0"/>
              <a:t>, Atsushi </a:t>
            </a:r>
            <a:r>
              <a:rPr lang="en-US" dirty="0" smtClean="0"/>
              <a:t>Shimon</a:t>
            </a:r>
            <a:r>
              <a:rPr lang="en-US" baseline="30000" dirty="0" smtClean="0"/>
              <a:t>5</a:t>
            </a:r>
            <a:r>
              <a:rPr lang="en-US" dirty="0" smtClean="0"/>
              <a:t>, </a:t>
            </a:r>
            <a:r>
              <a:rPr lang="en-US" dirty="0" err="1"/>
              <a:t>Naoyuki</a:t>
            </a:r>
            <a:r>
              <a:rPr lang="en-US" dirty="0"/>
              <a:t> Tamura</a:t>
            </a:r>
            <a:r>
              <a:rPr lang="en-US" baseline="30000" dirty="0"/>
              <a:t>5</a:t>
            </a:r>
            <a:r>
              <a:rPr lang="en-US" dirty="0"/>
              <a:t>, René  </a:t>
            </a:r>
            <a:r>
              <a:rPr lang="en-US" dirty="0" smtClean="0"/>
              <a:t>Doyon</a:t>
            </a:r>
            <a:r>
              <a:rPr lang="en-US" baseline="30000" dirty="0" smtClean="0"/>
              <a:t>6</a:t>
            </a:r>
            <a:r>
              <a:rPr lang="en-US" dirty="0" smtClean="0"/>
              <a:t>, </a:t>
            </a:r>
            <a:r>
              <a:rPr lang="en-US" dirty="0"/>
              <a:t>Derrick </a:t>
            </a:r>
            <a:r>
              <a:rPr lang="en-US" dirty="0" smtClean="0"/>
              <a:t>Salmon</a:t>
            </a:r>
            <a:r>
              <a:rPr lang="en-US" baseline="30000" dirty="0" smtClean="0"/>
              <a:t>7</a:t>
            </a:r>
            <a:r>
              <a:rPr lang="en-US" dirty="0" smtClean="0"/>
              <a:t>, </a:t>
            </a:r>
            <a:r>
              <a:rPr lang="en-US" dirty="0"/>
              <a:t>Doug </a:t>
            </a:r>
            <a:r>
              <a:rPr lang="en-US" dirty="0" smtClean="0"/>
              <a:t>Simons</a:t>
            </a:r>
            <a:r>
              <a:rPr lang="en-US" baseline="30000" dirty="0" smtClean="0"/>
              <a:t>7</a:t>
            </a:r>
            <a:r>
              <a:rPr lang="en-US" dirty="0" smtClean="0"/>
              <a:t>,</a:t>
            </a:r>
            <a:r>
              <a:rPr lang="en-US" sz="1100" dirty="0"/>
              <a:t> </a:t>
            </a:r>
            <a:r>
              <a:rPr lang="en-US" dirty="0" smtClean="0"/>
              <a:t>Derek Ives</a:t>
            </a:r>
            <a:r>
              <a:rPr lang="en-US" baseline="30000" dirty="0" smtClean="0"/>
              <a:t>8</a:t>
            </a:r>
            <a:r>
              <a:rPr lang="en-US" dirty="0" smtClean="0"/>
              <a:t>, </a:t>
            </a:r>
            <a:r>
              <a:rPr lang="en-US" dirty="0"/>
              <a:t>Michael Carmody</a:t>
            </a:r>
            <a:r>
              <a:rPr lang="en-US" baseline="30000" dirty="0"/>
              <a:t>1</a:t>
            </a:r>
            <a:r>
              <a:rPr lang="en-US" dirty="0"/>
              <a:t>, John Auyeung</a:t>
            </a:r>
            <a:r>
              <a:rPr lang="en-US" baseline="30000" dirty="0"/>
              <a:t>1</a:t>
            </a:r>
            <a:r>
              <a:rPr lang="en-US" dirty="0"/>
              <a:t>, and James W. </a:t>
            </a:r>
            <a:r>
              <a:rPr lang="en-US" dirty="0" smtClean="0"/>
              <a:t>Beletic</a:t>
            </a:r>
            <a:r>
              <a:rPr lang="en-US" baseline="30000" dirty="0" smtClean="0"/>
              <a:t>1</a:t>
            </a:r>
            <a:endParaRPr lang="en-US" dirty="0" smtClean="0"/>
          </a:p>
          <a:p>
            <a:pPr algn="ctr"/>
            <a:endParaRPr lang="en-US" sz="1400" dirty="0" smtClean="0"/>
          </a:p>
          <a:p>
            <a:pPr algn="ctr"/>
            <a:endParaRPr lang="en-US" sz="1400" dirty="0"/>
          </a:p>
          <a:p>
            <a:pPr algn="ctr">
              <a:lnSpc>
                <a:spcPct val="150000"/>
              </a:lnSpc>
            </a:pPr>
            <a:r>
              <a:rPr lang="en-US" sz="1100" baseline="30000" dirty="0"/>
              <a:t>1</a:t>
            </a:r>
            <a:r>
              <a:rPr lang="en-US" sz="1100" dirty="0"/>
              <a:t>Teledyne Imaging Sensors, 5212 Verdugo Way, Camarillo, CA  93012, USA</a:t>
            </a:r>
            <a:endParaRPr lang="en-US" sz="1100" b="1" u="sng" dirty="0"/>
          </a:p>
          <a:p>
            <a:pPr algn="ctr">
              <a:lnSpc>
                <a:spcPct val="150000"/>
              </a:lnSpc>
            </a:pPr>
            <a:r>
              <a:rPr lang="en-US" sz="1100" baseline="30000" dirty="0"/>
              <a:t>2</a:t>
            </a:r>
            <a:r>
              <a:rPr lang="en-US" sz="1100" dirty="0"/>
              <a:t>Princeton University, 23 Payton Hall, Princeton, NJ 08544, USA</a:t>
            </a:r>
            <a:endParaRPr lang="en-US" sz="1100" b="1" u="sng" dirty="0"/>
          </a:p>
          <a:p>
            <a:pPr algn="ctr">
              <a:lnSpc>
                <a:spcPct val="150000"/>
              </a:lnSpc>
            </a:pPr>
            <a:r>
              <a:rPr lang="en-US" sz="1100" baseline="30000" dirty="0"/>
              <a:t>3</a:t>
            </a:r>
            <a:r>
              <a:rPr lang="en-US" sz="1100" dirty="0"/>
              <a:t>University of Hawaii, Institute for Astronomy, 640 North </a:t>
            </a:r>
            <a:r>
              <a:rPr lang="en-US" sz="1100" dirty="0" err="1"/>
              <a:t>A’ohoku</a:t>
            </a:r>
            <a:r>
              <a:rPr lang="en-US" sz="1100" dirty="0"/>
              <a:t> Place, Hilo, HI 96720, USA </a:t>
            </a:r>
            <a:endParaRPr lang="en-US" sz="1100" b="1" u="sng" dirty="0"/>
          </a:p>
          <a:p>
            <a:pPr algn="ctr">
              <a:lnSpc>
                <a:spcPct val="150000"/>
              </a:lnSpc>
            </a:pPr>
            <a:r>
              <a:rPr lang="en-US" sz="1100" baseline="30000" dirty="0"/>
              <a:t>4</a:t>
            </a:r>
            <a:r>
              <a:rPr lang="en-US" sz="1100" dirty="0"/>
              <a:t>John Hopkins University, 3400 N. Charles Street, Baltimore, MD 21218, USA </a:t>
            </a:r>
            <a:endParaRPr lang="en-US" sz="1100" b="1" u="sng" dirty="0"/>
          </a:p>
          <a:p>
            <a:pPr algn="ctr">
              <a:lnSpc>
                <a:spcPct val="150000"/>
              </a:lnSpc>
            </a:pPr>
            <a:r>
              <a:rPr lang="en-US" sz="1100" baseline="30000" dirty="0" smtClean="0"/>
              <a:t>5</a:t>
            </a:r>
            <a:r>
              <a:rPr lang="en-US" sz="1100" dirty="0" smtClean="0"/>
              <a:t>Kavli </a:t>
            </a:r>
            <a:r>
              <a:rPr lang="en-US" sz="1100" dirty="0"/>
              <a:t>Institute for the Physics and Mathematics of the Universe, 5-1-5 </a:t>
            </a:r>
            <a:r>
              <a:rPr lang="en-US" sz="1100" dirty="0" err="1"/>
              <a:t>Kashiwanoha</a:t>
            </a:r>
            <a:r>
              <a:rPr lang="en-US" sz="1100" dirty="0"/>
              <a:t>, Kashiwa, 277-8583, </a:t>
            </a:r>
            <a:r>
              <a:rPr lang="en-US" sz="1100" dirty="0" smtClean="0"/>
              <a:t>Japan</a:t>
            </a:r>
          </a:p>
          <a:p>
            <a:pPr algn="ctr">
              <a:lnSpc>
                <a:spcPct val="150000"/>
              </a:lnSpc>
            </a:pPr>
            <a:r>
              <a:rPr lang="en-US" sz="1100" baseline="30000" dirty="0" smtClean="0"/>
              <a:t>6</a:t>
            </a:r>
            <a:r>
              <a:rPr lang="en-US" sz="1100" dirty="0" smtClean="0"/>
              <a:t>University of Montreal, </a:t>
            </a:r>
            <a:r>
              <a:rPr lang="en-US" sz="1100" dirty="0"/>
              <a:t>2900 Edouard </a:t>
            </a:r>
            <a:r>
              <a:rPr lang="en-US" sz="1100" dirty="0" err="1"/>
              <a:t>Montpetit</a:t>
            </a:r>
            <a:r>
              <a:rPr lang="en-US" sz="1100" dirty="0"/>
              <a:t> Blvd, Montreal, QC H3T 1J4, </a:t>
            </a:r>
            <a:r>
              <a:rPr lang="en-US" sz="1100" dirty="0" smtClean="0"/>
              <a:t>Canada</a:t>
            </a:r>
          </a:p>
          <a:p>
            <a:pPr algn="ctr">
              <a:lnSpc>
                <a:spcPct val="150000"/>
              </a:lnSpc>
            </a:pPr>
            <a:r>
              <a:rPr lang="en-US" sz="1100" baseline="30000" dirty="0" smtClean="0"/>
              <a:t>7</a:t>
            </a:r>
            <a:r>
              <a:rPr lang="en-US" sz="1100" dirty="0" smtClean="0"/>
              <a:t>The </a:t>
            </a:r>
            <a:r>
              <a:rPr lang="en-US" sz="1100" dirty="0"/>
              <a:t>Canada–France–Hawaii </a:t>
            </a:r>
            <a:r>
              <a:rPr lang="en-US" sz="1100" dirty="0" smtClean="0"/>
              <a:t>Telescope, </a:t>
            </a:r>
            <a:r>
              <a:rPr lang="fi-FI" sz="1100" dirty="0"/>
              <a:t>65-1238 Mamalahoa Hwy, Waimea, HI </a:t>
            </a:r>
            <a:r>
              <a:rPr lang="fi-FI" sz="1100" dirty="0" smtClean="0"/>
              <a:t>96743, USA</a:t>
            </a:r>
            <a:endParaRPr lang="en-US" sz="1100" dirty="0" smtClean="0"/>
          </a:p>
          <a:p>
            <a:pPr algn="ctr"/>
            <a:r>
              <a:rPr lang="en-US" sz="1100" baseline="30000" dirty="0" smtClean="0"/>
              <a:t>8</a:t>
            </a:r>
            <a:r>
              <a:rPr lang="en-US" sz="1100" dirty="0" smtClean="0"/>
              <a:t>European </a:t>
            </a:r>
            <a:r>
              <a:rPr lang="en-US" sz="1100" dirty="0"/>
              <a:t>Southern </a:t>
            </a:r>
            <a:r>
              <a:rPr lang="en-US" sz="1100" dirty="0" smtClean="0"/>
              <a:t>Observatory,</a:t>
            </a:r>
            <a:r>
              <a:rPr lang="en-US" sz="1100" dirty="0"/>
              <a:t> </a:t>
            </a:r>
            <a:r>
              <a:rPr lang="de-DE" sz="1100" dirty="0" smtClean="0"/>
              <a:t>Karl-Schwarzschild-Strasse </a:t>
            </a:r>
            <a:r>
              <a:rPr lang="de-DE" sz="1100" dirty="0"/>
              <a:t>2, </a:t>
            </a:r>
            <a:r>
              <a:rPr lang="de-DE" sz="1100" dirty="0" smtClean="0"/>
              <a:t>D-85748 </a:t>
            </a:r>
            <a:r>
              <a:rPr lang="de-DE" sz="1100" dirty="0"/>
              <a:t>Garching bei </a:t>
            </a:r>
            <a:r>
              <a:rPr lang="de-DE" sz="1100" dirty="0" smtClean="0"/>
              <a:t>Munchen, Germany</a:t>
            </a:r>
            <a:endParaRPr lang="en-US" sz="1100" dirty="0"/>
          </a:p>
          <a:p>
            <a:pPr algn="ctr">
              <a:lnSpc>
                <a:spcPct val="150000"/>
              </a:lnSpc>
            </a:pPr>
            <a:endParaRPr lang="en-US" sz="1100" dirty="0" smtClean="0"/>
          </a:p>
          <a:p>
            <a:pPr algn="ctr"/>
            <a:r>
              <a:rPr lang="en-US" sz="1100" dirty="0" smtClean="0"/>
              <a:t> </a:t>
            </a:r>
            <a:r>
              <a:rPr lang="en-US" sz="1100" dirty="0"/>
              <a:t>2017 Scientific Detector Workshop </a:t>
            </a:r>
          </a:p>
          <a:p>
            <a:pPr algn="ctr"/>
            <a:endParaRPr lang="en-US" sz="1100" dirty="0"/>
          </a:p>
          <a:p>
            <a:pPr algn="ctr"/>
            <a:r>
              <a:rPr lang="it-IT" sz="1100" dirty="0"/>
              <a:t> Space Telescope Science Institute, Baltimore, </a:t>
            </a:r>
            <a:r>
              <a:rPr lang="it-IT" sz="1100" dirty="0" smtClean="0"/>
              <a:t>USA</a:t>
            </a:r>
            <a:endParaRPr lang="it-IT" sz="1100" dirty="0"/>
          </a:p>
          <a:p>
            <a:pPr algn="ctr">
              <a:lnSpc>
                <a:spcPct val="150000"/>
              </a:lnSpc>
            </a:pPr>
            <a:r>
              <a:rPr lang="en-US" sz="1100" dirty="0" smtClean="0"/>
              <a:t>25 - 29 September 2017</a:t>
            </a:r>
          </a:p>
          <a:p>
            <a:pPr algn="ctr">
              <a:lnSpc>
                <a:spcPct val="150000"/>
              </a:lnSpc>
            </a:pPr>
            <a:r>
              <a:rPr lang="en-US" sz="1100" dirty="0" smtClean="0"/>
              <a:t>Supported </a:t>
            </a:r>
            <a:r>
              <a:rPr lang="en-US" sz="1100" dirty="0"/>
              <a:t>by National Science Foundation Grant No. AST-0804651 through the University of Hawaii to </a:t>
            </a:r>
            <a:r>
              <a:rPr lang="en-US" sz="1100" dirty="0" smtClean="0"/>
              <a:t>Teledyne Imaging Sensors </a:t>
            </a:r>
            <a:r>
              <a:rPr lang="en-US" sz="1100" dirty="0"/>
              <a:t>as well as </a:t>
            </a:r>
            <a:r>
              <a:rPr lang="en-US" sz="1100" dirty="0" smtClean="0"/>
              <a:t>contracts </a:t>
            </a:r>
            <a:r>
              <a:rPr lang="en-US" sz="1100" dirty="0"/>
              <a:t>from University of </a:t>
            </a:r>
            <a:r>
              <a:rPr lang="en-US" sz="1100" dirty="0" smtClean="0"/>
              <a:t>Tokyo, Princeton University, University of Montreal, CFHT, and European Southern Observatory</a:t>
            </a:r>
            <a:endParaRPr lang="en-US" sz="1100" u="sng" dirty="0"/>
          </a:p>
          <a:p>
            <a:pPr algn="ctr"/>
            <a:endParaRPr lang="en-US" sz="1600" dirty="0"/>
          </a:p>
        </p:txBody>
      </p:sp>
    </p:spTree>
    <p:extLst>
      <p:ext uri="{BB962C8B-B14F-4D97-AF65-F5344CB8AC3E}">
        <p14:creationId xmlns:p14="http://schemas.microsoft.com/office/powerpoint/2010/main" val="228695805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6" name="Rectangle 6"/>
          <p:cNvSpPr>
            <a:spLocks noGrp="1" noChangeArrowheads="1"/>
          </p:cNvSpPr>
          <p:nvPr>
            <p:ph type="title"/>
          </p:nvPr>
        </p:nvSpPr>
        <p:spPr>
          <a:xfrm>
            <a:off x="308055" y="152400"/>
            <a:ext cx="8458200" cy="548640"/>
          </a:xfrm>
          <a:ln/>
        </p:spPr>
        <p:txBody>
          <a:bodyPr rIns="132080"/>
          <a:lstStyle/>
          <a:p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Spectral Response for NIR </a:t>
            </a:r>
            <a:r>
              <a:rPr lang="en-US" sz="3200" b="1" kern="1200" dirty="0" err="1" smtClean="0">
                <a:latin typeface="Symbol" pitchFamily="18" charset="2"/>
                <a:cs typeface="ＭＳ Ｐゴシック"/>
                <a:sym typeface="Impact" pitchFamily="34" charset="0"/>
              </a:rPr>
              <a:t>l</a:t>
            </a:r>
            <a:r>
              <a:rPr lang="en-US" sz="3200" b="1" kern="1200" baseline="-25000" dirty="0" err="1" smtClean="0">
                <a:latin typeface="Calibri" pitchFamily="34" charset="0"/>
                <a:cs typeface="ＭＳ Ｐゴシック"/>
                <a:sym typeface="Impact" pitchFamily="34" charset="0"/>
              </a:rPr>
              <a:t>c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 = 1.7 </a:t>
            </a:r>
            <a:r>
              <a:rPr lang="en-US" sz="3200" b="1" kern="1200" dirty="0" smtClean="0">
                <a:latin typeface="Symbol" pitchFamily="18" charset="2"/>
                <a:cs typeface="ＭＳ Ｐゴシック"/>
                <a:sym typeface="Impact" pitchFamily="34" charset="0"/>
              </a:rPr>
              <a:t>m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m at 120K </a:t>
            </a:r>
            <a:endParaRPr lang="en-US" sz="3200" b="1" kern="1200" dirty="0">
              <a:latin typeface="Calibri" pitchFamily="34" charset="0"/>
              <a:cs typeface="ＭＳ Ｐゴシック"/>
              <a:sym typeface="Impact" pitchFamily="34" charset="0"/>
            </a:endParaRPr>
          </a:p>
        </p:txBody>
      </p:sp>
      <p:sp>
        <p:nvSpPr>
          <p:cNvPr id="139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8888413" y="6600825"/>
            <a:ext cx="255587" cy="241300"/>
          </a:xfrm>
          <a:prstGeom prst="rect">
            <a:avLst/>
          </a:prstGeom>
        </p:spPr>
        <p:txBody>
          <a:bodyPr/>
          <a:lstStyle/>
          <a:p>
            <a:fld id="{374D051F-1CD0-4C91-8EE0-0D2A8C2B1FF1}" type="slidenum">
              <a:rPr lang="en-US">
                <a:solidFill>
                  <a:srgbClr val="000000"/>
                </a:solidFill>
              </a:rPr>
              <a:pPr/>
              <a:t>10</a:t>
            </a:fld>
            <a:endParaRPr lang="en-US">
              <a:solidFill>
                <a:srgbClr val="000000"/>
              </a:solidFill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47800" y="701040"/>
            <a:ext cx="6194335" cy="548809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4748972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6" name="Rectangle 6"/>
          <p:cNvSpPr>
            <a:spLocks noGrp="1" noChangeArrowheads="1"/>
          </p:cNvSpPr>
          <p:nvPr>
            <p:ph type="title"/>
          </p:nvPr>
        </p:nvSpPr>
        <p:spPr>
          <a:xfrm>
            <a:off x="308055" y="152400"/>
            <a:ext cx="8458200" cy="548640"/>
          </a:xfrm>
          <a:ln/>
        </p:spPr>
        <p:txBody>
          <a:bodyPr rIns="132080"/>
          <a:lstStyle/>
          <a:p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QE at 1230 nm for SWIR </a:t>
            </a:r>
            <a:r>
              <a:rPr lang="en-US" sz="3200" b="1" kern="1200" dirty="0" err="1">
                <a:latin typeface="Symbol" pitchFamily="18" charset="2"/>
                <a:cs typeface="ＭＳ Ｐゴシック"/>
                <a:sym typeface="Impact" pitchFamily="34" charset="0"/>
              </a:rPr>
              <a:t>l</a:t>
            </a:r>
            <a:r>
              <a:rPr lang="en-US" sz="3200" b="1" kern="1200" baseline="-25000" dirty="0" err="1">
                <a:latin typeface="Calibri" pitchFamily="34" charset="0"/>
                <a:cs typeface="ＭＳ Ｐゴシック"/>
                <a:sym typeface="Impact" pitchFamily="34" charset="0"/>
              </a:rPr>
              <a:t>c</a:t>
            </a:r>
            <a:r>
              <a:rPr lang="en-US" sz="3200" b="1" kern="1200" dirty="0">
                <a:latin typeface="Calibri" pitchFamily="34" charset="0"/>
                <a:cs typeface="ＭＳ Ｐゴシック"/>
                <a:sym typeface="Impact" pitchFamily="34" charset="0"/>
              </a:rPr>
              <a:t> = 2.45 </a:t>
            </a:r>
            <a:r>
              <a:rPr lang="en-US" sz="3200" b="1" kern="1200" dirty="0" smtClean="0">
                <a:latin typeface="Symbol" pitchFamily="18" charset="2"/>
                <a:cs typeface="ＭＳ Ｐゴシック"/>
                <a:sym typeface="Impact" pitchFamily="34" charset="0"/>
              </a:rPr>
              <a:t>m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m at 80K </a:t>
            </a:r>
            <a:endParaRPr lang="en-US" sz="3200" b="1" kern="1200" dirty="0">
              <a:latin typeface="Calibri" pitchFamily="34" charset="0"/>
              <a:cs typeface="ＭＳ Ｐゴシック"/>
              <a:sym typeface="Impact" pitchFamily="34" charset="0"/>
            </a:endParaRPr>
          </a:p>
        </p:txBody>
      </p:sp>
      <p:sp>
        <p:nvSpPr>
          <p:cNvPr id="139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8888413" y="6600825"/>
            <a:ext cx="255587" cy="241300"/>
          </a:xfrm>
          <a:prstGeom prst="rect">
            <a:avLst/>
          </a:prstGeom>
        </p:spPr>
        <p:txBody>
          <a:bodyPr/>
          <a:lstStyle/>
          <a:p>
            <a:fld id="{374D051F-1CD0-4C91-8EE0-0D2A8C2B1FF1}" type="slidenum">
              <a:rPr lang="en-US">
                <a:solidFill>
                  <a:srgbClr val="000000"/>
                </a:solidFill>
              </a:rPr>
              <a:pPr/>
              <a:t>11</a:t>
            </a:fld>
            <a:endParaRPr lang="en-US">
              <a:solidFill>
                <a:srgbClr val="000000"/>
              </a:solidFill>
            </a:endParaRPr>
          </a:p>
        </p:txBody>
      </p:sp>
      <p:sp>
        <p:nvSpPr>
          <p:cNvPr id="19" name="Text Box 9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66920" y="4901676"/>
            <a:ext cx="828675" cy="241294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QE Map </a:t>
            </a:r>
          </a:p>
        </p:txBody>
      </p:sp>
      <p:sp>
        <p:nvSpPr>
          <p:cNvPr id="20" name="Text Box 9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153953" y="4893733"/>
            <a:ext cx="1191110" cy="249237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QE Histogram</a:t>
            </a:r>
          </a:p>
        </p:txBody>
      </p:sp>
      <p:sp>
        <p:nvSpPr>
          <p:cNvPr id="21" name="Rectangle 8"/>
          <p:cNvSpPr>
            <a:spLocks/>
          </p:cNvSpPr>
          <p:nvPr/>
        </p:nvSpPr>
        <p:spPr bwMode="auto">
          <a:xfrm>
            <a:off x="2685247" y="5198533"/>
            <a:ext cx="3639353" cy="956469"/>
          </a:xfrm>
          <a:prstGeom prst="rect">
            <a:avLst/>
          </a:prstGeom>
          <a:solidFill>
            <a:srgbClr val="EAEAEA"/>
          </a:solidFill>
          <a:ln w="12700">
            <a:noFill/>
            <a:miter lim="800000"/>
            <a:headEnd/>
            <a:tailEnd/>
          </a:ln>
        </p:spPr>
        <p:txBody>
          <a:bodyPr lIns="0" tIns="0" rIns="40639" bIns="0"/>
          <a:lstStyle/>
          <a:p>
            <a:pPr marL="98425">
              <a:lnSpc>
                <a:spcPct val="95000"/>
              </a:lnSpc>
              <a:buClr>
                <a:srgbClr val="000000"/>
              </a:buClr>
              <a:buSzPct val="100000"/>
            </a:pPr>
            <a:endParaRPr lang="en-US" sz="600" dirty="0">
              <a:latin typeface="Arial Bold" charset="0"/>
              <a:ea typeface="+mn-ea"/>
              <a:cs typeface="+mn-cs"/>
              <a:sym typeface="Arial Bold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T=80K at 1230 nm </a:t>
            </a:r>
            <a:r>
              <a:rPr lang="en-US" sz="1400" i="1" u="sng" dirty="0">
                <a:latin typeface="Arial" pitchFamily="34" charset="0"/>
                <a:cs typeface="Arial" pitchFamily="34" charset="0"/>
                <a:sym typeface="Arial" pitchFamily="34" charset="0"/>
              </a:rPr>
              <a:t>SCA S/N </a:t>
            </a:r>
            <a:r>
              <a:rPr lang="en-US" sz="1400" i="1" u="sng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18859</a:t>
            </a:r>
            <a:endParaRPr lang="en-US" sz="1400" u="sng" dirty="0" smtClean="0">
              <a:latin typeface="Arial" pitchFamily="34" charset="0"/>
              <a:ea typeface="+mn-ea"/>
              <a:cs typeface="Arial" pitchFamily="34" charset="0"/>
              <a:sym typeface="Arial" pitchFamily="34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Median </a:t>
            </a:r>
            <a:r>
              <a:rPr lang="en-US" sz="1800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QE &gt; </a:t>
            </a: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92%</a:t>
            </a:r>
            <a:endParaRPr lang="en-US" sz="1800" baseline="30000" dirty="0" smtClean="0">
              <a:latin typeface="Arial" pitchFamily="34" charset="0"/>
              <a:ea typeface="+mn-ea"/>
              <a:cs typeface="Arial" pitchFamily="34" charset="0"/>
              <a:sym typeface="Arial" pitchFamily="34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QE Operability &gt; 99.5 %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4188" y="762000"/>
            <a:ext cx="4049712" cy="4049712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48200" y="762000"/>
            <a:ext cx="3993982" cy="404971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9868211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6" name="Rectangle 6"/>
          <p:cNvSpPr>
            <a:spLocks noGrp="1" noChangeArrowheads="1"/>
          </p:cNvSpPr>
          <p:nvPr>
            <p:ph type="title"/>
          </p:nvPr>
        </p:nvSpPr>
        <p:spPr>
          <a:xfrm>
            <a:off x="308055" y="152400"/>
            <a:ext cx="8458200" cy="548640"/>
          </a:xfrm>
          <a:ln/>
        </p:spPr>
        <p:txBody>
          <a:bodyPr rIns="132080"/>
          <a:lstStyle/>
          <a:p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Spectral Response for SWIR </a:t>
            </a:r>
            <a:r>
              <a:rPr lang="en-US" sz="3200" b="1" kern="1200" dirty="0" err="1">
                <a:latin typeface="Symbol" pitchFamily="18" charset="2"/>
                <a:cs typeface="ＭＳ Ｐゴシック"/>
                <a:sym typeface="Impact" pitchFamily="34" charset="0"/>
              </a:rPr>
              <a:t>l</a:t>
            </a:r>
            <a:r>
              <a:rPr lang="en-US" sz="3200" b="1" kern="1200" baseline="-25000" dirty="0" err="1">
                <a:latin typeface="Calibri" pitchFamily="34" charset="0"/>
                <a:cs typeface="ＭＳ Ｐゴシック"/>
                <a:sym typeface="Impact" pitchFamily="34" charset="0"/>
              </a:rPr>
              <a:t>c</a:t>
            </a:r>
            <a:r>
              <a:rPr lang="en-US" sz="3200" b="1" kern="1200" dirty="0">
                <a:latin typeface="Calibri" pitchFamily="34" charset="0"/>
                <a:cs typeface="ＭＳ Ｐゴシック"/>
                <a:sym typeface="Impact" pitchFamily="34" charset="0"/>
              </a:rPr>
              <a:t> = 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2.50 </a:t>
            </a:r>
            <a:r>
              <a:rPr lang="en-US" sz="3200" b="1" kern="1200" dirty="0" smtClean="0">
                <a:latin typeface="Symbol" pitchFamily="18" charset="2"/>
                <a:cs typeface="ＭＳ Ｐゴシック"/>
                <a:sym typeface="Impact" pitchFamily="34" charset="0"/>
              </a:rPr>
              <a:t>m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m at 80K </a:t>
            </a:r>
            <a:endParaRPr lang="en-US" sz="3200" b="1" kern="1200" dirty="0">
              <a:latin typeface="Calibri" pitchFamily="34" charset="0"/>
              <a:cs typeface="ＭＳ Ｐゴシック"/>
              <a:sym typeface="Impact" pitchFamily="34" charset="0"/>
            </a:endParaRPr>
          </a:p>
        </p:txBody>
      </p:sp>
      <p:sp>
        <p:nvSpPr>
          <p:cNvPr id="139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8888413" y="6600825"/>
            <a:ext cx="255587" cy="241300"/>
          </a:xfrm>
          <a:prstGeom prst="rect">
            <a:avLst/>
          </a:prstGeom>
        </p:spPr>
        <p:txBody>
          <a:bodyPr/>
          <a:lstStyle/>
          <a:p>
            <a:fld id="{374D051F-1CD0-4C91-8EE0-0D2A8C2B1FF1}" type="slidenum">
              <a:rPr lang="en-US">
                <a:solidFill>
                  <a:srgbClr val="000000"/>
                </a:solidFill>
              </a:rPr>
              <a:pPr/>
              <a:t>12</a:t>
            </a:fld>
            <a:endParaRPr lang="en-US">
              <a:solidFill>
                <a:srgbClr val="000000"/>
              </a:solidFill>
            </a:endParaRPr>
          </a:p>
        </p:txBody>
      </p:sp>
      <p:graphicFrame>
        <p:nvGraphicFramePr>
          <p:cNvPr id="22" name="Chart 21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284183313"/>
              </p:ext>
            </p:extLst>
          </p:nvPr>
        </p:nvGraphicFramePr>
        <p:xfrm>
          <a:off x="838200" y="762000"/>
          <a:ext cx="7391400" cy="54864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209847889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6" name="Rectangle 6"/>
          <p:cNvSpPr>
            <a:spLocks noGrp="1" noChangeArrowheads="1"/>
          </p:cNvSpPr>
          <p:nvPr>
            <p:ph type="title"/>
          </p:nvPr>
        </p:nvSpPr>
        <p:spPr>
          <a:xfrm>
            <a:off x="308055" y="152400"/>
            <a:ext cx="8458200" cy="548640"/>
          </a:xfrm>
          <a:ln/>
        </p:spPr>
        <p:txBody>
          <a:bodyPr rIns="132080"/>
          <a:lstStyle/>
          <a:p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CDS Noise for NIR </a:t>
            </a:r>
            <a:r>
              <a:rPr lang="en-US" sz="3200" b="1" kern="1200" dirty="0" err="1">
                <a:latin typeface="Symbol" pitchFamily="18" charset="2"/>
                <a:cs typeface="ＭＳ Ｐゴシック"/>
                <a:sym typeface="Impact" pitchFamily="34" charset="0"/>
              </a:rPr>
              <a:t>l</a:t>
            </a:r>
            <a:r>
              <a:rPr lang="en-US" sz="3200" b="1" kern="1200" baseline="-25000" dirty="0" err="1">
                <a:latin typeface="Calibri" pitchFamily="34" charset="0"/>
                <a:cs typeface="ＭＳ Ｐゴシック"/>
                <a:sym typeface="Impact" pitchFamily="34" charset="0"/>
              </a:rPr>
              <a:t>c</a:t>
            </a:r>
            <a:r>
              <a:rPr lang="en-US" sz="3200" b="1" kern="1200" dirty="0">
                <a:latin typeface="Calibri" pitchFamily="34" charset="0"/>
                <a:cs typeface="ＭＳ Ｐゴシック"/>
                <a:sym typeface="Impact" pitchFamily="34" charset="0"/>
              </a:rPr>
              <a:t> = 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1.72 </a:t>
            </a:r>
            <a:r>
              <a:rPr lang="en-US" sz="3200" b="1" kern="1200" dirty="0" smtClean="0">
                <a:latin typeface="Symbol" pitchFamily="18" charset="2"/>
                <a:cs typeface="ＭＳ Ｐゴシック"/>
                <a:sym typeface="Impact" pitchFamily="34" charset="0"/>
              </a:rPr>
              <a:t>m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m at 120K </a:t>
            </a:r>
            <a:endParaRPr lang="en-US" sz="3200" b="1" kern="1200" dirty="0">
              <a:latin typeface="Calibri" pitchFamily="34" charset="0"/>
              <a:cs typeface="ＭＳ Ｐゴシック"/>
              <a:sym typeface="Impact" pitchFamily="34" charset="0"/>
            </a:endParaRPr>
          </a:p>
        </p:txBody>
      </p:sp>
      <p:sp>
        <p:nvSpPr>
          <p:cNvPr id="139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8888413" y="6600825"/>
            <a:ext cx="255587" cy="241300"/>
          </a:xfrm>
          <a:prstGeom prst="rect">
            <a:avLst/>
          </a:prstGeom>
        </p:spPr>
        <p:txBody>
          <a:bodyPr/>
          <a:lstStyle/>
          <a:p>
            <a:fld id="{374D051F-1CD0-4C91-8EE0-0D2A8C2B1FF1}" type="slidenum">
              <a:rPr lang="en-US">
                <a:solidFill>
                  <a:srgbClr val="000000"/>
                </a:solidFill>
              </a:rPr>
              <a:pPr/>
              <a:t>13</a:t>
            </a:fld>
            <a:endParaRPr lang="en-US">
              <a:solidFill>
                <a:srgbClr val="000000"/>
              </a:solidFill>
            </a:endParaRPr>
          </a:p>
        </p:txBody>
      </p:sp>
      <p:sp>
        <p:nvSpPr>
          <p:cNvPr id="19" name="Text Box 9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762125" y="4956081"/>
            <a:ext cx="1376304" cy="249237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CDS Noise Map </a:t>
            </a:r>
          </a:p>
        </p:txBody>
      </p:sp>
      <p:sp>
        <p:nvSpPr>
          <p:cNvPr id="20" name="Text Box 9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5743090" y="4948138"/>
            <a:ext cx="1828800" cy="249237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CDS Noise Histogram</a:t>
            </a:r>
          </a:p>
        </p:txBody>
      </p:sp>
      <p:sp>
        <p:nvSpPr>
          <p:cNvPr id="21" name="Rectangle 8"/>
          <p:cNvSpPr>
            <a:spLocks/>
          </p:cNvSpPr>
          <p:nvPr/>
        </p:nvSpPr>
        <p:spPr bwMode="auto">
          <a:xfrm>
            <a:off x="2674487" y="5260882"/>
            <a:ext cx="3726313" cy="956469"/>
          </a:xfrm>
          <a:prstGeom prst="rect">
            <a:avLst/>
          </a:prstGeom>
          <a:solidFill>
            <a:srgbClr val="EAEAEA"/>
          </a:solidFill>
          <a:ln w="12700">
            <a:noFill/>
            <a:miter lim="800000"/>
            <a:headEnd/>
            <a:tailEnd/>
          </a:ln>
        </p:spPr>
        <p:txBody>
          <a:bodyPr lIns="0" tIns="0" rIns="40639" bIns="0"/>
          <a:lstStyle/>
          <a:p>
            <a:pPr marL="98425">
              <a:lnSpc>
                <a:spcPct val="95000"/>
              </a:lnSpc>
              <a:buClr>
                <a:srgbClr val="000000"/>
              </a:buClr>
              <a:buSzPct val="100000"/>
            </a:pPr>
            <a:endParaRPr lang="en-US" sz="600" dirty="0">
              <a:latin typeface="Arial Bold" charset="0"/>
              <a:ea typeface="+mn-ea"/>
              <a:cs typeface="+mn-cs"/>
              <a:sym typeface="Arial Bold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T=120K       </a:t>
            </a:r>
            <a:r>
              <a:rPr lang="en-US" sz="1400" i="1" u="sng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SCA </a:t>
            </a:r>
            <a:r>
              <a:rPr lang="en-US" sz="1400" i="1" u="sng" dirty="0">
                <a:latin typeface="Arial" pitchFamily="34" charset="0"/>
                <a:cs typeface="Arial" pitchFamily="34" charset="0"/>
                <a:sym typeface="Arial" pitchFamily="34" charset="0"/>
              </a:rPr>
              <a:t>S/N </a:t>
            </a:r>
            <a:r>
              <a:rPr lang="en-US" sz="1400" i="1" u="sng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18788</a:t>
            </a:r>
            <a:endParaRPr lang="en-US" sz="1400" dirty="0" smtClean="0">
              <a:latin typeface="Arial" pitchFamily="34" charset="0"/>
              <a:ea typeface="+mn-ea"/>
              <a:cs typeface="Arial" pitchFamily="34" charset="0"/>
              <a:sym typeface="Arial" pitchFamily="34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Median </a:t>
            </a:r>
            <a:r>
              <a:rPr lang="en-US" sz="1800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CDS Noise</a:t>
            </a: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 = 19.4 e</a:t>
            </a:r>
            <a:r>
              <a:rPr lang="en-US" sz="1800" baseline="300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-</a:t>
            </a: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CDS Noise Operability &gt; 99.7 %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45623" y="685800"/>
            <a:ext cx="3947694" cy="4048125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6214" y="685800"/>
            <a:ext cx="4048125" cy="40481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7141587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6" name="Rectangle 6"/>
          <p:cNvSpPr>
            <a:spLocks noGrp="1" noChangeArrowheads="1"/>
          </p:cNvSpPr>
          <p:nvPr>
            <p:ph type="title"/>
          </p:nvPr>
        </p:nvSpPr>
        <p:spPr>
          <a:xfrm>
            <a:off x="308055" y="152400"/>
            <a:ext cx="8458200" cy="548640"/>
          </a:xfrm>
          <a:ln/>
        </p:spPr>
        <p:txBody>
          <a:bodyPr rIns="132080"/>
          <a:lstStyle/>
          <a:p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CDS Noise for SWIR </a:t>
            </a:r>
            <a:r>
              <a:rPr lang="en-US" sz="3200" b="1" kern="1200" dirty="0" err="1">
                <a:latin typeface="Symbol" pitchFamily="18" charset="2"/>
                <a:cs typeface="ＭＳ Ｐゴシック"/>
                <a:sym typeface="Impact" pitchFamily="34" charset="0"/>
              </a:rPr>
              <a:t>l</a:t>
            </a:r>
            <a:r>
              <a:rPr lang="en-US" sz="3200" b="1" kern="1200" baseline="-25000" dirty="0" err="1">
                <a:latin typeface="Calibri" pitchFamily="34" charset="0"/>
                <a:cs typeface="ＭＳ Ｐゴシック"/>
                <a:sym typeface="Impact" pitchFamily="34" charset="0"/>
              </a:rPr>
              <a:t>c</a:t>
            </a:r>
            <a:r>
              <a:rPr lang="en-US" sz="3200" b="1" kern="1200" dirty="0">
                <a:latin typeface="Calibri" pitchFamily="34" charset="0"/>
                <a:cs typeface="ＭＳ Ｐゴシック"/>
                <a:sym typeface="Impact" pitchFamily="34" charset="0"/>
              </a:rPr>
              <a:t> = 2.45 </a:t>
            </a:r>
            <a:r>
              <a:rPr lang="en-US" sz="3200" b="1" kern="1200" dirty="0" smtClean="0">
                <a:latin typeface="Symbol" pitchFamily="18" charset="2"/>
                <a:cs typeface="ＭＳ Ｐゴシック"/>
                <a:sym typeface="Impact" pitchFamily="34" charset="0"/>
              </a:rPr>
              <a:t>m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m at 80K </a:t>
            </a:r>
            <a:endParaRPr lang="en-US" sz="3200" b="1" kern="1200" dirty="0">
              <a:latin typeface="Calibri" pitchFamily="34" charset="0"/>
              <a:cs typeface="ＭＳ Ｐゴシック"/>
              <a:sym typeface="Impact" pitchFamily="34" charset="0"/>
            </a:endParaRPr>
          </a:p>
        </p:txBody>
      </p:sp>
      <p:sp>
        <p:nvSpPr>
          <p:cNvPr id="139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8888413" y="6600825"/>
            <a:ext cx="255587" cy="241300"/>
          </a:xfrm>
          <a:prstGeom prst="rect">
            <a:avLst/>
          </a:prstGeom>
        </p:spPr>
        <p:txBody>
          <a:bodyPr/>
          <a:lstStyle/>
          <a:p>
            <a:fld id="{374D051F-1CD0-4C91-8EE0-0D2A8C2B1FF1}" type="slidenum">
              <a:rPr lang="en-US">
                <a:solidFill>
                  <a:srgbClr val="000000"/>
                </a:solidFill>
              </a:rPr>
              <a:pPr/>
              <a:t>14</a:t>
            </a:fld>
            <a:endParaRPr lang="en-US">
              <a:solidFill>
                <a:srgbClr val="000000"/>
              </a:solidFill>
            </a:endParaRPr>
          </a:p>
        </p:txBody>
      </p:sp>
      <p:sp>
        <p:nvSpPr>
          <p:cNvPr id="19" name="Text Box 9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870442" y="4535752"/>
            <a:ext cx="1376304" cy="249237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CDS Noise Map </a:t>
            </a:r>
          </a:p>
        </p:txBody>
      </p:sp>
      <p:sp>
        <p:nvSpPr>
          <p:cNvPr id="20" name="Text Box 9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5715000" y="4526624"/>
            <a:ext cx="1828800" cy="249237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CDS Noise Histogram</a:t>
            </a:r>
          </a:p>
        </p:txBody>
      </p:sp>
      <p:sp>
        <p:nvSpPr>
          <p:cNvPr id="21" name="Rectangle 8"/>
          <p:cNvSpPr>
            <a:spLocks/>
          </p:cNvSpPr>
          <p:nvPr/>
        </p:nvSpPr>
        <p:spPr bwMode="auto">
          <a:xfrm>
            <a:off x="695437" y="4910401"/>
            <a:ext cx="3726313" cy="956469"/>
          </a:xfrm>
          <a:prstGeom prst="rect">
            <a:avLst/>
          </a:prstGeom>
          <a:solidFill>
            <a:srgbClr val="EAEAEA"/>
          </a:solidFill>
          <a:ln w="12700">
            <a:noFill/>
            <a:miter lim="800000"/>
            <a:headEnd/>
            <a:tailEnd/>
          </a:ln>
        </p:spPr>
        <p:txBody>
          <a:bodyPr lIns="0" tIns="0" rIns="40639" bIns="0"/>
          <a:lstStyle/>
          <a:p>
            <a:pPr marL="98425">
              <a:lnSpc>
                <a:spcPct val="95000"/>
              </a:lnSpc>
              <a:buClr>
                <a:srgbClr val="000000"/>
              </a:buClr>
              <a:buSzPct val="100000"/>
            </a:pPr>
            <a:endParaRPr lang="en-US" sz="600" dirty="0">
              <a:latin typeface="Arial Bold" charset="0"/>
              <a:ea typeface="+mn-ea"/>
              <a:cs typeface="+mn-cs"/>
              <a:sym typeface="Arial Bold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T=80K   </a:t>
            </a:r>
            <a:r>
              <a:rPr lang="en-US" sz="1800" i="1" dirty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 </a:t>
            </a:r>
            <a:r>
              <a:rPr lang="en-US" sz="1800" i="1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     </a:t>
            </a:r>
            <a:r>
              <a:rPr lang="en-US" sz="1400" i="1" u="sng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SCA </a:t>
            </a:r>
            <a:r>
              <a:rPr lang="en-US" sz="1400" i="1" u="sng" dirty="0">
                <a:latin typeface="Arial" pitchFamily="34" charset="0"/>
                <a:cs typeface="Arial" pitchFamily="34" charset="0"/>
                <a:sym typeface="Arial" pitchFamily="34" charset="0"/>
              </a:rPr>
              <a:t>S/N </a:t>
            </a:r>
            <a:r>
              <a:rPr lang="en-US" sz="1400" i="1" u="sng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 18860</a:t>
            </a:r>
            <a:endParaRPr lang="en-US" sz="1400" dirty="0" smtClean="0">
              <a:latin typeface="Arial" pitchFamily="34" charset="0"/>
              <a:ea typeface="+mn-ea"/>
              <a:cs typeface="Arial" pitchFamily="34" charset="0"/>
              <a:sym typeface="Arial" pitchFamily="34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Median </a:t>
            </a:r>
            <a:r>
              <a:rPr lang="en-US" sz="1800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CDS Noise</a:t>
            </a: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 = 12 e</a:t>
            </a:r>
            <a:r>
              <a:rPr lang="en-US" sz="1800" baseline="300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-</a:t>
            </a: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CDS Noise Operability &gt; 99.7 %</a:t>
            </a:r>
          </a:p>
        </p:txBody>
      </p:sp>
      <p:graphicFrame>
        <p:nvGraphicFramePr>
          <p:cNvPr id="13" name="Chart 12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852943066"/>
              </p:ext>
            </p:extLst>
          </p:nvPr>
        </p:nvGraphicFramePr>
        <p:xfrm>
          <a:off x="4724401" y="4875213"/>
          <a:ext cx="3200399" cy="167798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pic>
        <p:nvPicPr>
          <p:cNvPr id="2" name="Picture 1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76800" y="830420"/>
            <a:ext cx="3429000" cy="3596853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2000" y="839947"/>
            <a:ext cx="3593188" cy="35873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763116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6" name="Rectangle 6"/>
          <p:cNvSpPr>
            <a:spLocks noGrp="1" noChangeArrowheads="1"/>
          </p:cNvSpPr>
          <p:nvPr>
            <p:ph type="title"/>
          </p:nvPr>
        </p:nvSpPr>
        <p:spPr>
          <a:xfrm>
            <a:off x="308055" y="152400"/>
            <a:ext cx="8458200" cy="548640"/>
          </a:xfrm>
          <a:ln/>
        </p:spPr>
        <p:txBody>
          <a:bodyPr rIns="132080"/>
          <a:lstStyle/>
          <a:p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Well Capacity for NIR and SWIR</a:t>
            </a:r>
            <a:endParaRPr lang="en-US" sz="3200" b="1" kern="1200" dirty="0">
              <a:latin typeface="Calibri" pitchFamily="34" charset="0"/>
              <a:cs typeface="ＭＳ Ｐゴシック"/>
              <a:sym typeface="Impact" pitchFamily="34" charset="0"/>
            </a:endParaRPr>
          </a:p>
        </p:txBody>
      </p:sp>
      <p:sp>
        <p:nvSpPr>
          <p:cNvPr id="139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8888413" y="6600825"/>
            <a:ext cx="255587" cy="241300"/>
          </a:xfrm>
          <a:prstGeom prst="rect">
            <a:avLst/>
          </a:prstGeom>
        </p:spPr>
        <p:txBody>
          <a:bodyPr/>
          <a:lstStyle/>
          <a:p>
            <a:fld id="{374D051F-1CD0-4C91-8EE0-0D2A8C2B1FF1}" type="slidenum">
              <a:rPr lang="en-US">
                <a:solidFill>
                  <a:srgbClr val="000000"/>
                </a:solidFill>
              </a:rPr>
              <a:pPr/>
              <a:t>15</a:t>
            </a:fld>
            <a:endParaRPr lang="en-US">
              <a:solidFill>
                <a:srgbClr val="000000"/>
              </a:solidFill>
            </a:endParaRPr>
          </a:p>
        </p:txBody>
      </p:sp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6161"/>
          <a:stretch>
            <a:fillRect/>
          </a:stretch>
        </p:blipFill>
        <p:spPr bwMode="auto">
          <a:xfrm>
            <a:off x="118043" y="837834"/>
            <a:ext cx="4248769" cy="450448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3" name="Picture 12" descr="welldepth 18575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8800" r="3693"/>
          <a:stretch>
            <a:fillRect/>
          </a:stretch>
        </p:blipFill>
        <p:spPr bwMode="auto">
          <a:xfrm>
            <a:off x="4419600" y="952836"/>
            <a:ext cx="4482584" cy="452517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4" name="Text Box 9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463540" y="5342318"/>
            <a:ext cx="2743200" cy="798628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latin typeface="Calibri" pitchFamily="34" charset="0"/>
                <a:ea typeface="ＭＳ Ｐゴシック" pitchFamily="34" charset="-128"/>
                <a:cs typeface="+mn-cs"/>
              </a:rPr>
              <a:t>T=80K      </a:t>
            </a:r>
            <a:r>
              <a:rPr lang="en-US" sz="1400" i="1" u="sng" dirty="0" smtClean="0">
                <a:cs typeface="Arial" pitchFamily="34" charset="0"/>
                <a:sym typeface="Arial" pitchFamily="34" charset="0"/>
              </a:rPr>
              <a:t>SCA </a:t>
            </a:r>
            <a:r>
              <a:rPr lang="en-US" sz="1400" i="1" u="sng" dirty="0">
                <a:cs typeface="Arial" pitchFamily="34" charset="0"/>
                <a:sym typeface="Arial" pitchFamily="34" charset="0"/>
              </a:rPr>
              <a:t>S/N </a:t>
            </a:r>
            <a:r>
              <a:rPr lang="en-US" sz="1400" i="1" u="sng" dirty="0" smtClean="0">
                <a:cs typeface="Arial" pitchFamily="34" charset="0"/>
                <a:sym typeface="Arial" pitchFamily="34" charset="0"/>
              </a:rPr>
              <a:t>18575</a:t>
            </a:r>
          </a:p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latin typeface="Calibri" pitchFamily="34" charset="0"/>
                <a:ea typeface="ＭＳ Ｐゴシック" pitchFamily="34" charset="-128"/>
                <a:cs typeface="Arial" pitchFamily="34" charset="0"/>
                <a:sym typeface="Arial" pitchFamily="34" charset="0"/>
              </a:rPr>
              <a:t>Full Well &gt;140 </a:t>
            </a:r>
            <a:r>
              <a:rPr lang="en-US" altLang="en-US" sz="1400" b="1" dirty="0" err="1" smtClean="0">
                <a:latin typeface="Calibri" pitchFamily="34" charset="0"/>
                <a:ea typeface="ＭＳ Ｐゴシック" pitchFamily="34" charset="-128"/>
                <a:cs typeface="Arial" pitchFamily="34" charset="0"/>
                <a:sym typeface="Arial" pitchFamily="34" charset="0"/>
              </a:rPr>
              <a:t>Ke</a:t>
            </a:r>
            <a:r>
              <a:rPr lang="en-US" altLang="en-US" sz="1400" b="1" dirty="0" smtClean="0">
                <a:latin typeface="Calibri" pitchFamily="34" charset="0"/>
                <a:ea typeface="ＭＳ Ｐゴシック" pitchFamily="34" charset="-128"/>
                <a:cs typeface="Arial" pitchFamily="34" charset="0"/>
                <a:sym typeface="Arial" pitchFamily="34" charset="0"/>
              </a:rPr>
              <a:t> @-250 mV</a:t>
            </a:r>
          </a:p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sz="1400" b="1" dirty="0">
                <a:latin typeface="Calibri" pitchFamily="34" charset="0"/>
                <a:cs typeface="ＭＳ Ｐゴシック"/>
                <a:sym typeface="Impact" pitchFamily="34" charset="0"/>
              </a:rPr>
              <a:t>SWIR </a:t>
            </a:r>
            <a:r>
              <a:rPr lang="en-US" sz="1400" b="1" dirty="0" err="1">
                <a:latin typeface="Symbol" pitchFamily="18" charset="2"/>
                <a:cs typeface="ＭＳ Ｐゴシック"/>
                <a:sym typeface="Impact" pitchFamily="34" charset="0"/>
              </a:rPr>
              <a:t>l</a:t>
            </a:r>
            <a:r>
              <a:rPr lang="en-US" sz="1400" b="1" baseline="-25000" dirty="0" err="1">
                <a:latin typeface="Calibri" pitchFamily="34" charset="0"/>
                <a:cs typeface="ＭＳ Ｐゴシック"/>
                <a:sym typeface="Impact" pitchFamily="34" charset="0"/>
              </a:rPr>
              <a:t>c</a:t>
            </a:r>
            <a:r>
              <a:rPr lang="en-US" sz="1400" b="1" dirty="0">
                <a:latin typeface="Calibri" pitchFamily="34" charset="0"/>
                <a:cs typeface="ＭＳ Ｐゴシック"/>
                <a:sym typeface="Impact" pitchFamily="34" charset="0"/>
              </a:rPr>
              <a:t> = 2.45 </a:t>
            </a:r>
            <a:r>
              <a:rPr lang="en-US" sz="1400" b="1" dirty="0">
                <a:latin typeface="Symbol" pitchFamily="18" charset="2"/>
                <a:cs typeface="ＭＳ Ｐゴシック"/>
                <a:sym typeface="Impact" pitchFamily="34" charset="0"/>
              </a:rPr>
              <a:t>m</a:t>
            </a:r>
            <a:r>
              <a:rPr lang="en-US" sz="1400" b="1" dirty="0">
                <a:latin typeface="Calibri" pitchFamily="34" charset="0"/>
                <a:cs typeface="ＭＳ Ｐゴシック"/>
                <a:sym typeface="Impact" pitchFamily="34" charset="0"/>
              </a:rPr>
              <a:t>m at 80K</a:t>
            </a:r>
            <a:r>
              <a:rPr lang="en-US" altLang="en-US" sz="1400" b="1" dirty="0" smtClean="0">
                <a:latin typeface="Calibri" pitchFamily="34" charset="0"/>
                <a:ea typeface="ＭＳ Ｐゴシック" pitchFamily="34" charset="-128"/>
                <a:cs typeface="+mn-cs"/>
              </a:rPr>
              <a:t> </a:t>
            </a:r>
          </a:p>
        </p:txBody>
      </p:sp>
      <p:sp>
        <p:nvSpPr>
          <p:cNvPr id="15" name="Text Box 9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990600" y="5334000"/>
            <a:ext cx="2743200" cy="798628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latin typeface="Calibri" pitchFamily="34" charset="0"/>
                <a:ea typeface="ＭＳ Ｐゴシック" pitchFamily="34" charset="-128"/>
                <a:cs typeface="+mn-cs"/>
              </a:rPr>
              <a:t>T=120K      </a:t>
            </a:r>
            <a:r>
              <a:rPr lang="en-US" sz="1400" i="1" u="sng" dirty="0" smtClean="0">
                <a:cs typeface="Arial" pitchFamily="34" charset="0"/>
                <a:sym typeface="Arial" pitchFamily="34" charset="0"/>
              </a:rPr>
              <a:t>SCA </a:t>
            </a:r>
            <a:r>
              <a:rPr lang="en-US" sz="1400" i="1" u="sng" dirty="0">
                <a:cs typeface="Arial" pitchFamily="34" charset="0"/>
                <a:sym typeface="Arial" pitchFamily="34" charset="0"/>
              </a:rPr>
              <a:t>S/N </a:t>
            </a:r>
            <a:r>
              <a:rPr lang="en-US" sz="1400" i="1" u="sng" dirty="0" smtClean="0">
                <a:cs typeface="Arial" pitchFamily="34" charset="0"/>
                <a:sym typeface="Arial" pitchFamily="34" charset="0"/>
              </a:rPr>
              <a:t>18315</a:t>
            </a:r>
          </a:p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latin typeface="Calibri" pitchFamily="34" charset="0"/>
                <a:ea typeface="ＭＳ Ｐゴシック" pitchFamily="34" charset="-128"/>
                <a:cs typeface="Arial" pitchFamily="34" charset="0"/>
                <a:sym typeface="Arial" pitchFamily="34" charset="0"/>
              </a:rPr>
              <a:t>Full Well &gt;79 </a:t>
            </a:r>
            <a:r>
              <a:rPr lang="en-US" altLang="en-US" sz="1400" b="1" dirty="0" err="1" smtClean="0">
                <a:latin typeface="Calibri" pitchFamily="34" charset="0"/>
                <a:ea typeface="ＭＳ Ｐゴシック" pitchFamily="34" charset="-128"/>
                <a:cs typeface="Arial" pitchFamily="34" charset="0"/>
                <a:sym typeface="Arial" pitchFamily="34" charset="0"/>
              </a:rPr>
              <a:t>Ke</a:t>
            </a:r>
            <a:r>
              <a:rPr lang="en-US" altLang="en-US" sz="1400" b="1" dirty="0" smtClean="0">
                <a:latin typeface="Calibri" pitchFamily="34" charset="0"/>
                <a:ea typeface="ＭＳ Ｐゴシック" pitchFamily="34" charset="-128"/>
                <a:cs typeface="Arial" pitchFamily="34" charset="0"/>
                <a:sym typeface="Arial" pitchFamily="34" charset="0"/>
              </a:rPr>
              <a:t> @ -350 mV</a:t>
            </a:r>
          </a:p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sz="1400" b="1" dirty="0" smtClean="0">
                <a:latin typeface="Calibri" pitchFamily="34" charset="0"/>
                <a:cs typeface="ＭＳ Ｐゴシック"/>
                <a:sym typeface="Impact" pitchFamily="34" charset="0"/>
              </a:rPr>
              <a:t>NIR </a:t>
            </a:r>
            <a:r>
              <a:rPr lang="en-US" sz="1400" b="1" dirty="0" err="1">
                <a:latin typeface="Symbol" pitchFamily="18" charset="2"/>
                <a:cs typeface="ＭＳ Ｐゴシック"/>
                <a:sym typeface="Impact" pitchFamily="34" charset="0"/>
              </a:rPr>
              <a:t>l</a:t>
            </a:r>
            <a:r>
              <a:rPr lang="en-US" sz="1400" b="1" baseline="-25000" dirty="0" err="1">
                <a:latin typeface="Calibri" pitchFamily="34" charset="0"/>
                <a:cs typeface="ＭＳ Ｐゴシック"/>
                <a:sym typeface="Impact" pitchFamily="34" charset="0"/>
              </a:rPr>
              <a:t>c</a:t>
            </a:r>
            <a:r>
              <a:rPr lang="en-US" sz="1400" b="1" dirty="0">
                <a:latin typeface="Calibri" pitchFamily="34" charset="0"/>
                <a:cs typeface="ＭＳ Ｐゴシック"/>
                <a:sym typeface="Impact" pitchFamily="34" charset="0"/>
              </a:rPr>
              <a:t> = </a:t>
            </a:r>
            <a:r>
              <a:rPr lang="en-US" sz="1400" b="1" dirty="0" smtClean="0">
                <a:latin typeface="Calibri" pitchFamily="34" charset="0"/>
                <a:cs typeface="ＭＳ Ｐゴシック"/>
                <a:sym typeface="Impact" pitchFamily="34" charset="0"/>
              </a:rPr>
              <a:t>1.79 </a:t>
            </a:r>
            <a:r>
              <a:rPr lang="en-US" sz="1400" b="1" dirty="0">
                <a:latin typeface="Symbol" pitchFamily="18" charset="2"/>
                <a:cs typeface="ＭＳ Ｐゴシック"/>
                <a:sym typeface="Impact" pitchFamily="34" charset="0"/>
              </a:rPr>
              <a:t>m</a:t>
            </a:r>
            <a:r>
              <a:rPr lang="en-US" sz="1400" b="1" dirty="0">
                <a:latin typeface="Calibri" pitchFamily="34" charset="0"/>
                <a:cs typeface="ＭＳ Ｐゴシック"/>
                <a:sym typeface="Impact" pitchFamily="34" charset="0"/>
              </a:rPr>
              <a:t>m at </a:t>
            </a:r>
            <a:r>
              <a:rPr lang="en-US" sz="1400" b="1" dirty="0" smtClean="0">
                <a:latin typeface="Calibri" pitchFamily="34" charset="0"/>
                <a:cs typeface="ＭＳ Ｐゴシック"/>
                <a:sym typeface="Impact" pitchFamily="34" charset="0"/>
              </a:rPr>
              <a:t>120K</a:t>
            </a:r>
            <a:r>
              <a:rPr lang="en-US" altLang="en-US" sz="1400" b="1" dirty="0" smtClean="0">
                <a:latin typeface="Calibri" pitchFamily="34" charset="0"/>
                <a:ea typeface="ＭＳ Ｐゴシック" pitchFamily="34" charset="-128"/>
                <a:cs typeface="+mn-cs"/>
              </a:rPr>
              <a:t> </a:t>
            </a:r>
          </a:p>
        </p:txBody>
      </p:sp>
    </p:spTree>
    <p:extLst>
      <p:ext uri="{BB962C8B-B14F-4D97-AF65-F5344CB8AC3E}">
        <p14:creationId xmlns:p14="http://schemas.microsoft.com/office/powerpoint/2010/main" val="217305400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2"/>
          <p:cNvGrpSpPr>
            <a:grpSpLocks/>
          </p:cNvGrpSpPr>
          <p:nvPr/>
        </p:nvGrpSpPr>
        <p:grpSpPr bwMode="auto">
          <a:xfrm>
            <a:off x="468382" y="990600"/>
            <a:ext cx="3886200" cy="3657600"/>
            <a:chOff x="-2" y="-2"/>
            <a:chExt cx="1990" cy="1732"/>
          </a:xfrm>
        </p:grpSpPr>
        <p:grpSp>
          <p:nvGrpSpPr>
            <p:cNvPr id="6" name="Group 3"/>
            <p:cNvGrpSpPr>
              <a:grpSpLocks/>
            </p:cNvGrpSpPr>
            <p:nvPr/>
          </p:nvGrpSpPr>
          <p:grpSpPr bwMode="auto">
            <a:xfrm>
              <a:off x="0" y="0"/>
              <a:ext cx="1986" cy="1728"/>
              <a:chOff x="0" y="0"/>
              <a:chExt cx="1986" cy="1728"/>
            </a:xfrm>
          </p:grpSpPr>
          <p:grpSp>
            <p:nvGrpSpPr>
              <p:cNvPr id="8" name="Group 4"/>
              <p:cNvGrpSpPr>
                <a:grpSpLocks/>
              </p:cNvGrpSpPr>
              <p:nvPr/>
            </p:nvGrpSpPr>
            <p:grpSpPr bwMode="auto">
              <a:xfrm>
                <a:off x="0" y="0"/>
                <a:ext cx="662" cy="576"/>
                <a:chOff x="0" y="0"/>
                <a:chExt cx="662" cy="576"/>
              </a:xfrm>
            </p:grpSpPr>
            <p:sp>
              <p:nvSpPr>
                <p:cNvPr id="49" name="Rectangle 5"/>
                <p:cNvSpPr>
                  <a:spLocks noChangeArrowheads="1"/>
                </p:cNvSpPr>
                <p:nvPr/>
              </p:nvSpPr>
              <p:spPr bwMode="auto">
                <a:xfrm>
                  <a:off x="0" y="0"/>
                  <a:ext cx="662" cy="576"/>
                </a:xfrm>
                <a:prstGeom prst="rect">
                  <a:avLst/>
                </a:prstGeom>
                <a:solidFill>
                  <a:srgbClr val="99CCF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:a14="http://schemas.microsoft.com/office/drawing/2010/main" w="9525">
                      <a:solidFill>
                        <a:schemeClr val="tx1"/>
                      </a:solidFill>
                      <a:miter lim="800000"/>
                      <a:headEnd/>
                      <a:tailEnd/>
                    </a14:hiddenLine>
                  </a:ex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  <p:txBody>
                <a:bodyPr/>
                <a:lstStyle/>
                <a:p>
                  <a:endParaRPr lang="en-US"/>
                </a:p>
              </p:txBody>
            </p:sp>
            <p:grpSp>
              <p:nvGrpSpPr>
                <p:cNvPr id="50" name="Group 6"/>
                <p:cNvGrpSpPr>
                  <a:grpSpLocks/>
                </p:cNvGrpSpPr>
                <p:nvPr/>
              </p:nvGrpSpPr>
              <p:grpSpPr bwMode="auto">
                <a:xfrm>
                  <a:off x="0" y="0"/>
                  <a:ext cx="662" cy="576"/>
                  <a:chOff x="0" y="0"/>
                  <a:chExt cx="662" cy="576"/>
                </a:xfrm>
              </p:grpSpPr>
              <p:sp>
                <p:nvSpPr>
                  <p:cNvPr id="51" name="Rectangle 7"/>
                  <p:cNvSpPr>
                    <a:spLocks noChangeArrowheads="1"/>
                  </p:cNvSpPr>
                  <p:nvPr/>
                </p:nvSpPr>
                <p:spPr bwMode="auto">
                  <a:xfrm>
                    <a:off x="43" y="0"/>
                    <a:ext cx="576" cy="576"/>
                  </a:xfrm>
                  <a:prstGeom prst="rect">
                    <a:avLst/>
                  </a:prstGeom>
                  <a:solidFill>
                    <a:srgbClr val="99CCFF"/>
                  </a:solidFill>
                  <a:ln>
                    <a:noFill/>
                  </a:ln>
                  <a:effectLst/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14:hiddenLine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 anchor="ctr"/>
                  <a:lstStyle/>
                  <a:p>
                    <a:pPr algn="ctr" eaLnBrk="0" hangingPunct="0"/>
                    <a:r>
                      <a:rPr lang="en-US" sz="1200" b="1" dirty="0" smtClean="0">
                        <a:cs typeface="Times New Roman" pitchFamily="18" charset="0"/>
                      </a:rPr>
                      <a:t>0.00%</a:t>
                    </a:r>
                    <a:endParaRPr lang="en-US" sz="1200" b="1" dirty="0">
                      <a:cs typeface="Times New Roman" pitchFamily="18" charset="0"/>
                    </a:endParaRPr>
                  </a:p>
                  <a:p>
                    <a:pPr algn="ctr" eaLnBrk="0" hangingPunct="0"/>
                    <a:endParaRPr lang="en-US" dirty="0"/>
                  </a:p>
                </p:txBody>
              </p:sp>
              <p:sp>
                <p:nvSpPr>
                  <p:cNvPr id="52" name="Rectangle 8"/>
                  <p:cNvSpPr>
                    <a:spLocks noChangeArrowheads="1"/>
                  </p:cNvSpPr>
                  <p:nvPr/>
                </p:nvSpPr>
                <p:spPr bwMode="auto">
                  <a:xfrm>
                    <a:off x="0" y="0"/>
                    <a:ext cx="662" cy="576"/>
                  </a:xfrm>
                  <a:prstGeom prst="rect">
                    <a:avLst/>
                  </a:prstGeom>
                  <a:noFill/>
                  <a:ln w="7">
                    <a:solidFill>
                      <a:srgbClr val="A0A0A0"/>
                    </a:solidFill>
                    <a:miter lim="800000"/>
                    <a:headEnd/>
                    <a:tailEnd/>
                  </a:ln>
                  <a:effectLst/>
                  <a:extLst>
                    <a:ext uri="{909E8E84-426E-40DD-AFC4-6F175D3DCCD1}">
                      <a14:hiddenFill xmlns:a14="http://schemas.microsoft.com/office/drawing/2010/main">
                        <a:solidFill>
                          <a:schemeClr val="accent1"/>
                        </a:solidFill>
                      </a14:hiddenFill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/>
                  <a:lstStyle/>
                  <a:p>
                    <a:endParaRPr lang="en-US"/>
                  </a:p>
                </p:txBody>
              </p:sp>
            </p:grpSp>
          </p:grpSp>
          <p:grpSp>
            <p:nvGrpSpPr>
              <p:cNvPr id="9" name="Group 9"/>
              <p:cNvGrpSpPr>
                <a:grpSpLocks/>
              </p:cNvGrpSpPr>
              <p:nvPr/>
            </p:nvGrpSpPr>
            <p:grpSpPr bwMode="auto">
              <a:xfrm>
                <a:off x="662" y="0"/>
                <a:ext cx="662" cy="576"/>
                <a:chOff x="662" y="0"/>
                <a:chExt cx="662" cy="576"/>
              </a:xfrm>
            </p:grpSpPr>
            <p:sp>
              <p:nvSpPr>
                <p:cNvPr id="45" name="Rectangle 10"/>
                <p:cNvSpPr>
                  <a:spLocks noChangeArrowheads="1"/>
                </p:cNvSpPr>
                <p:nvPr/>
              </p:nvSpPr>
              <p:spPr bwMode="auto">
                <a:xfrm>
                  <a:off x="662" y="0"/>
                  <a:ext cx="662" cy="576"/>
                </a:xfrm>
                <a:prstGeom prst="rect">
                  <a:avLst/>
                </a:prstGeom>
                <a:solidFill>
                  <a:srgbClr val="CC99F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:a14="http://schemas.microsoft.com/office/drawing/2010/main" w="9525">
                      <a:solidFill>
                        <a:schemeClr val="tx1"/>
                      </a:solidFill>
                      <a:miter lim="800000"/>
                      <a:headEnd/>
                      <a:tailEnd/>
                    </a14:hiddenLine>
                  </a:ex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  <p:txBody>
                <a:bodyPr/>
                <a:lstStyle/>
                <a:p>
                  <a:endParaRPr lang="en-US"/>
                </a:p>
              </p:txBody>
            </p:sp>
            <p:grpSp>
              <p:nvGrpSpPr>
                <p:cNvPr id="46" name="Group 11"/>
                <p:cNvGrpSpPr>
                  <a:grpSpLocks/>
                </p:cNvGrpSpPr>
                <p:nvPr/>
              </p:nvGrpSpPr>
              <p:grpSpPr bwMode="auto">
                <a:xfrm>
                  <a:off x="662" y="0"/>
                  <a:ext cx="662" cy="576"/>
                  <a:chOff x="662" y="0"/>
                  <a:chExt cx="662" cy="576"/>
                </a:xfrm>
              </p:grpSpPr>
              <p:sp>
                <p:nvSpPr>
                  <p:cNvPr id="47" name="Rectangle 12"/>
                  <p:cNvSpPr>
                    <a:spLocks noChangeArrowheads="1"/>
                  </p:cNvSpPr>
                  <p:nvPr/>
                </p:nvSpPr>
                <p:spPr bwMode="auto">
                  <a:xfrm>
                    <a:off x="705" y="0"/>
                    <a:ext cx="576" cy="576"/>
                  </a:xfrm>
                  <a:prstGeom prst="rect">
                    <a:avLst/>
                  </a:prstGeom>
                  <a:solidFill>
                    <a:srgbClr val="CC99FF"/>
                  </a:solidFill>
                  <a:ln>
                    <a:noFill/>
                  </a:ln>
                  <a:effectLst/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14:hiddenLine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 anchor="ctr"/>
                  <a:lstStyle/>
                  <a:p>
                    <a:pPr algn="ctr" eaLnBrk="0" hangingPunct="0"/>
                    <a:r>
                      <a:rPr lang="en-US" sz="1200" b="1" dirty="0" smtClean="0">
                        <a:cs typeface="Times New Roman" pitchFamily="18" charset="0"/>
                      </a:rPr>
                      <a:t>0.9%</a:t>
                    </a:r>
                    <a:endParaRPr lang="en-US" sz="1200" b="1" dirty="0">
                      <a:cs typeface="Times New Roman" pitchFamily="18" charset="0"/>
                    </a:endParaRPr>
                  </a:p>
                  <a:p>
                    <a:pPr algn="ctr" eaLnBrk="0" hangingPunct="0"/>
                    <a:endParaRPr lang="en-US" dirty="0"/>
                  </a:p>
                </p:txBody>
              </p:sp>
              <p:sp>
                <p:nvSpPr>
                  <p:cNvPr id="48" name="Rectangle 13"/>
                  <p:cNvSpPr>
                    <a:spLocks noChangeArrowheads="1"/>
                  </p:cNvSpPr>
                  <p:nvPr/>
                </p:nvSpPr>
                <p:spPr bwMode="auto">
                  <a:xfrm>
                    <a:off x="662" y="0"/>
                    <a:ext cx="662" cy="576"/>
                  </a:xfrm>
                  <a:prstGeom prst="rect">
                    <a:avLst/>
                  </a:prstGeom>
                  <a:noFill/>
                  <a:ln w="7">
                    <a:solidFill>
                      <a:srgbClr val="A0A0A0"/>
                    </a:solidFill>
                    <a:miter lim="800000"/>
                    <a:headEnd/>
                    <a:tailEnd/>
                  </a:ln>
                  <a:effectLst/>
                  <a:extLst>
                    <a:ext uri="{909E8E84-426E-40DD-AFC4-6F175D3DCCD1}">
                      <a14:hiddenFill xmlns:a14="http://schemas.microsoft.com/office/drawing/2010/main">
                        <a:solidFill>
                          <a:schemeClr val="accent1"/>
                        </a:solidFill>
                      </a14:hiddenFill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/>
                  <a:lstStyle/>
                  <a:p>
                    <a:endParaRPr lang="en-US"/>
                  </a:p>
                </p:txBody>
              </p:sp>
            </p:grpSp>
          </p:grpSp>
          <p:grpSp>
            <p:nvGrpSpPr>
              <p:cNvPr id="10" name="Group 14"/>
              <p:cNvGrpSpPr>
                <a:grpSpLocks/>
              </p:cNvGrpSpPr>
              <p:nvPr/>
            </p:nvGrpSpPr>
            <p:grpSpPr bwMode="auto">
              <a:xfrm>
                <a:off x="1324" y="0"/>
                <a:ext cx="662" cy="576"/>
                <a:chOff x="1324" y="0"/>
                <a:chExt cx="662" cy="576"/>
              </a:xfrm>
            </p:grpSpPr>
            <p:sp>
              <p:nvSpPr>
                <p:cNvPr id="41" name="Rectangle 15"/>
                <p:cNvSpPr>
                  <a:spLocks noChangeArrowheads="1"/>
                </p:cNvSpPr>
                <p:nvPr/>
              </p:nvSpPr>
              <p:spPr bwMode="auto">
                <a:xfrm>
                  <a:off x="1324" y="0"/>
                  <a:ext cx="662" cy="576"/>
                </a:xfrm>
                <a:prstGeom prst="rect">
                  <a:avLst/>
                </a:prstGeom>
                <a:solidFill>
                  <a:srgbClr val="99CCF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:a14="http://schemas.microsoft.com/office/drawing/2010/main" w="9525">
                      <a:solidFill>
                        <a:schemeClr val="tx1"/>
                      </a:solidFill>
                      <a:miter lim="800000"/>
                      <a:headEnd/>
                      <a:tailEnd/>
                    </a14:hiddenLine>
                  </a:ex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  <p:txBody>
                <a:bodyPr/>
                <a:lstStyle/>
                <a:p>
                  <a:endParaRPr lang="en-US"/>
                </a:p>
              </p:txBody>
            </p:sp>
            <p:grpSp>
              <p:nvGrpSpPr>
                <p:cNvPr id="42" name="Group 16"/>
                <p:cNvGrpSpPr>
                  <a:grpSpLocks/>
                </p:cNvGrpSpPr>
                <p:nvPr/>
              </p:nvGrpSpPr>
              <p:grpSpPr bwMode="auto">
                <a:xfrm>
                  <a:off x="1324" y="0"/>
                  <a:ext cx="662" cy="576"/>
                  <a:chOff x="1324" y="0"/>
                  <a:chExt cx="662" cy="576"/>
                </a:xfrm>
              </p:grpSpPr>
              <p:sp>
                <p:nvSpPr>
                  <p:cNvPr id="43" name="Rectangle 17"/>
                  <p:cNvSpPr>
                    <a:spLocks noChangeArrowheads="1"/>
                  </p:cNvSpPr>
                  <p:nvPr/>
                </p:nvSpPr>
                <p:spPr bwMode="auto">
                  <a:xfrm>
                    <a:off x="1367" y="0"/>
                    <a:ext cx="576" cy="576"/>
                  </a:xfrm>
                  <a:prstGeom prst="rect">
                    <a:avLst/>
                  </a:prstGeom>
                  <a:solidFill>
                    <a:srgbClr val="99CCFF"/>
                  </a:solidFill>
                  <a:ln>
                    <a:noFill/>
                  </a:ln>
                  <a:effectLst/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14:hiddenLine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 anchor="ctr"/>
                  <a:lstStyle/>
                  <a:p>
                    <a:pPr algn="ctr" eaLnBrk="0" hangingPunct="0"/>
                    <a:r>
                      <a:rPr lang="en-US" sz="1200" b="1" dirty="0" smtClean="0">
                        <a:cs typeface="Times New Roman" pitchFamily="18" charset="0"/>
                      </a:rPr>
                      <a:t>0.00%</a:t>
                    </a:r>
                    <a:endParaRPr lang="en-US" sz="1200" b="1" dirty="0">
                      <a:cs typeface="Times New Roman" pitchFamily="18" charset="0"/>
                    </a:endParaRPr>
                  </a:p>
                  <a:p>
                    <a:pPr algn="ctr" eaLnBrk="0" hangingPunct="0"/>
                    <a:endParaRPr lang="en-US" dirty="0"/>
                  </a:p>
                </p:txBody>
              </p:sp>
              <p:sp>
                <p:nvSpPr>
                  <p:cNvPr id="44" name="Rectangle 18"/>
                  <p:cNvSpPr>
                    <a:spLocks noChangeArrowheads="1"/>
                  </p:cNvSpPr>
                  <p:nvPr/>
                </p:nvSpPr>
                <p:spPr bwMode="auto">
                  <a:xfrm>
                    <a:off x="1324" y="0"/>
                    <a:ext cx="662" cy="576"/>
                  </a:xfrm>
                  <a:prstGeom prst="rect">
                    <a:avLst/>
                  </a:prstGeom>
                  <a:noFill/>
                  <a:ln w="7">
                    <a:solidFill>
                      <a:srgbClr val="A0A0A0"/>
                    </a:solidFill>
                    <a:miter lim="800000"/>
                    <a:headEnd/>
                    <a:tailEnd/>
                  </a:ln>
                  <a:effectLst/>
                  <a:extLst>
                    <a:ext uri="{909E8E84-426E-40DD-AFC4-6F175D3DCCD1}">
                      <a14:hiddenFill xmlns:a14="http://schemas.microsoft.com/office/drawing/2010/main">
                        <a:solidFill>
                          <a:schemeClr val="accent1"/>
                        </a:solidFill>
                      </a14:hiddenFill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/>
                  <a:lstStyle/>
                  <a:p>
                    <a:endParaRPr lang="en-US"/>
                  </a:p>
                </p:txBody>
              </p:sp>
            </p:grpSp>
          </p:grpSp>
          <p:grpSp>
            <p:nvGrpSpPr>
              <p:cNvPr id="11" name="Group 19"/>
              <p:cNvGrpSpPr>
                <a:grpSpLocks/>
              </p:cNvGrpSpPr>
              <p:nvPr/>
            </p:nvGrpSpPr>
            <p:grpSpPr bwMode="auto">
              <a:xfrm>
                <a:off x="0" y="576"/>
                <a:ext cx="662" cy="576"/>
                <a:chOff x="0" y="576"/>
                <a:chExt cx="662" cy="576"/>
              </a:xfrm>
            </p:grpSpPr>
            <p:sp>
              <p:nvSpPr>
                <p:cNvPr id="37" name="Rectangle 20"/>
                <p:cNvSpPr>
                  <a:spLocks noChangeArrowheads="1"/>
                </p:cNvSpPr>
                <p:nvPr/>
              </p:nvSpPr>
              <p:spPr bwMode="auto">
                <a:xfrm>
                  <a:off x="0" y="576"/>
                  <a:ext cx="662" cy="576"/>
                </a:xfrm>
                <a:prstGeom prst="rect">
                  <a:avLst/>
                </a:prstGeom>
                <a:solidFill>
                  <a:srgbClr val="CC99F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:a14="http://schemas.microsoft.com/office/drawing/2010/main" w="9525">
                      <a:solidFill>
                        <a:schemeClr val="tx1"/>
                      </a:solidFill>
                      <a:miter lim="800000"/>
                      <a:headEnd/>
                      <a:tailEnd/>
                    </a14:hiddenLine>
                  </a:ex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  <p:txBody>
                <a:bodyPr/>
                <a:lstStyle/>
                <a:p>
                  <a:endParaRPr lang="en-US"/>
                </a:p>
              </p:txBody>
            </p:sp>
            <p:grpSp>
              <p:nvGrpSpPr>
                <p:cNvPr id="38" name="Group 21"/>
                <p:cNvGrpSpPr>
                  <a:grpSpLocks/>
                </p:cNvGrpSpPr>
                <p:nvPr/>
              </p:nvGrpSpPr>
              <p:grpSpPr bwMode="auto">
                <a:xfrm>
                  <a:off x="0" y="576"/>
                  <a:ext cx="662" cy="576"/>
                  <a:chOff x="0" y="576"/>
                  <a:chExt cx="662" cy="576"/>
                </a:xfrm>
              </p:grpSpPr>
              <p:sp>
                <p:nvSpPr>
                  <p:cNvPr id="39" name="Rectangle 22"/>
                  <p:cNvSpPr>
                    <a:spLocks noChangeArrowheads="1"/>
                  </p:cNvSpPr>
                  <p:nvPr/>
                </p:nvSpPr>
                <p:spPr bwMode="auto">
                  <a:xfrm>
                    <a:off x="43" y="576"/>
                    <a:ext cx="576" cy="576"/>
                  </a:xfrm>
                  <a:prstGeom prst="rect">
                    <a:avLst/>
                  </a:prstGeom>
                  <a:solidFill>
                    <a:srgbClr val="CC99FF"/>
                  </a:solidFill>
                  <a:ln>
                    <a:noFill/>
                  </a:ln>
                  <a:effectLst/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14:hiddenLine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 anchor="ctr"/>
                  <a:lstStyle/>
                  <a:p>
                    <a:pPr algn="ctr" eaLnBrk="0" hangingPunct="0"/>
                    <a:r>
                      <a:rPr lang="en-US" sz="1200" b="1" dirty="0" smtClean="0">
                        <a:cs typeface="Times New Roman" pitchFamily="18" charset="0"/>
                      </a:rPr>
                      <a:t>1.30%</a:t>
                    </a:r>
                    <a:endParaRPr lang="en-US" sz="1200" b="1" dirty="0">
                      <a:cs typeface="Times New Roman" pitchFamily="18" charset="0"/>
                    </a:endParaRPr>
                  </a:p>
                  <a:p>
                    <a:pPr algn="ctr" eaLnBrk="0" hangingPunct="0"/>
                    <a:endParaRPr lang="en-US" dirty="0"/>
                  </a:p>
                </p:txBody>
              </p:sp>
              <p:sp>
                <p:nvSpPr>
                  <p:cNvPr id="40" name="Rectangle 23"/>
                  <p:cNvSpPr>
                    <a:spLocks noChangeArrowheads="1"/>
                  </p:cNvSpPr>
                  <p:nvPr/>
                </p:nvSpPr>
                <p:spPr bwMode="auto">
                  <a:xfrm>
                    <a:off x="0" y="576"/>
                    <a:ext cx="662" cy="576"/>
                  </a:xfrm>
                  <a:prstGeom prst="rect">
                    <a:avLst/>
                  </a:prstGeom>
                  <a:noFill/>
                  <a:ln w="7">
                    <a:solidFill>
                      <a:srgbClr val="A0A0A0"/>
                    </a:solidFill>
                    <a:miter lim="800000"/>
                    <a:headEnd/>
                    <a:tailEnd/>
                  </a:ln>
                  <a:effectLst/>
                  <a:extLst>
                    <a:ext uri="{909E8E84-426E-40DD-AFC4-6F175D3DCCD1}">
                      <a14:hiddenFill xmlns:a14="http://schemas.microsoft.com/office/drawing/2010/main">
                        <a:solidFill>
                          <a:schemeClr val="accent1"/>
                        </a:solidFill>
                      </a14:hiddenFill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/>
                  <a:lstStyle/>
                  <a:p>
                    <a:endParaRPr lang="en-US"/>
                  </a:p>
                </p:txBody>
              </p:sp>
            </p:grpSp>
          </p:grpSp>
          <p:grpSp>
            <p:nvGrpSpPr>
              <p:cNvPr id="12" name="Group 24"/>
              <p:cNvGrpSpPr>
                <a:grpSpLocks/>
              </p:cNvGrpSpPr>
              <p:nvPr/>
            </p:nvGrpSpPr>
            <p:grpSpPr bwMode="auto">
              <a:xfrm>
                <a:off x="662" y="576"/>
                <a:ext cx="662" cy="576"/>
                <a:chOff x="662" y="576"/>
                <a:chExt cx="662" cy="576"/>
              </a:xfrm>
            </p:grpSpPr>
            <p:sp>
              <p:nvSpPr>
                <p:cNvPr id="33" name="Rectangle 25"/>
                <p:cNvSpPr>
                  <a:spLocks noChangeArrowheads="1"/>
                </p:cNvSpPr>
                <p:nvPr/>
              </p:nvSpPr>
              <p:spPr bwMode="auto">
                <a:xfrm>
                  <a:off x="662" y="576"/>
                  <a:ext cx="662" cy="576"/>
                </a:xfrm>
                <a:prstGeom prst="rect">
                  <a:avLst/>
                </a:prstGeom>
                <a:solidFill>
                  <a:srgbClr val="FFCC00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:a14="http://schemas.microsoft.com/office/drawing/2010/main" w="9525">
                      <a:solidFill>
                        <a:schemeClr val="tx1"/>
                      </a:solidFill>
                      <a:miter lim="800000"/>
                      <a:headEnd/>
                      <a:tailEnd/>
                    </a14:hiddenLine>
                  </a:ex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  <p:txBody>
                <a:bodyPr/>
                <a:lstStyle/>
                <a:p>
                  <a:endParaRPr lang="en-US"/>
                </a:p>
              </p:txBody>
            </p:sp>
            <p:grpSp>
              <p:nvGrpSpPr>
                <p:cNvPr id="34" name="Group 26"/>
                <p:cNvGrpSpPr>
                  <a:grpSpLocks/>
                </p:cNvGrpSpPr>
                <p:nvPr/>
              </p:nvGrpSpPr>
              <p:grpSpPr bwMode="auto">
                <a:xfrm>
                  <a:off x="662" y="576"/>
                  <a:ext cx="662" cy="576"/>
                  <a:chOff x="662" y="576"/>
                  <a:chExt cx="662" cy="576"/>
                </a:xfrm>
              </p:grpSpPr>
              <p:sp>
                <p:nvSpPr>
                  <p:cNvPr id="35" name="Rectangle 27"/>
                  <p:cNvSpPr>
                    <a:spLocks noChangeArrowheads="1"/>
                  </p:cNvSpPr>
                  <p:nvPr/>
                </p:nvSpPr>
                <p:spPr bwMode="auto">
                  <a:xfrm>
                    <a:off x="705" y="576"/>
                    <a:ext cx="576" cy="576"/>
                  </a:xfrm>
                  <a:prstGeom prst="rect">
                    <a:avLst/>
                  </a:prstGeom>
                  <a:solidFill>
                    <a:srgbClr val="FFCC00"/>
                  </a:solidFill>
                  <a:ln>
                    <a:noFill/>
                  </a:ln>
                  <a:effectLst/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14:hiddenLine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 anchor="ctr"/>
                  <a:lstStyle/>
                  <a:p>
                    <a:pPr algn="ctr" eaLnBrk="0" hangingPunct="0"/>
                    <a:r>
                      <a:rPr lang="en-US" sz="1200" b="1">
                        <a:cs typeface="Times New Roman" pitchFamily="18" charset="0"/>
                      </a:rPr>
                      <a:t>100%</a:t>
                    </a:r>
                  </a:p>
                  <a:p>
                    <a:pPr algn="ctr" eaLnBrk="0" hangingPunct="0"/>
                    <a:endParaRPr lang="en-US"/>
                  </a:p>
                </p:txBody>
              </p:sp>
              <p:sp>
                <p:nvSpPr>
                  <p:cNvPr id="36" name="Rectangle 28"/>
                  <p:cNvSpPr>
                    <a:spLocks noChangeArrowheads="1"/>
                  </p:cNvSpPr>
                  <p:nvPr/>
                </p:nvSpPr>
                <p:spPr bwMode="auto">
                  <a:xfrm>
                    <a:off x="662" y="576"/>
                    <a:ext cx="662" cy="576"/>
                  </a:xfrm>
                  <a:prstGeom prst="rect">
                    <a:avLst/>
                  </a:prstGeom>
                  <a:noFill/>
                  <a:ln w="7">
                    <a:solidFill>
                      <a:srgbClr val="A0A0A0"/>
                    </a:solidFill>
                    <a:miter lim="800000"/>
                    <a:headEnd/>
                    <a:tailEnd/>
                  </a:ln>
                  <a:effectLst/>
                  <a:extLst>
                    <a:ext uri="{909E8E84-426E-40DD-AFC4-6F175D3DCCD1}">
                      <a14:hiddenFill xmlns:a14="http://schemas.microsoft.com/office/drawing/2010/main">
                        <a:solidFill>
                          <a:schemeClr val="accent1"/>
                        </a:solidFill>
                      </a14:hiddenFill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/>
                  <a:lstStyle/>
                  <a:p>
                    <a:endParaRPr lang="en-US"/>
                  </a:p>
                </p:txBody>
              </p:sp>
            </p:grpSp>
          </p:grpSp>
          <p:grpSp>
            <p:nvGrpSpPr>
              <p:cNvPr id="13" name="Group 29"/>
              <p:cNvGrpSpPr>
                <a:grpSpLocks/>
              </p:cNvGrpSpPr>
              <p:nvPr/>
            </p:nvGrpSpPr>
            <p:grpSpPr bwMode="auto">
              <a:xfrm>
                <a:off x="1324" y="576"/>
                <a:ext cx="662" cy="576"/>
                <a:chOff x="1324" y="576"/>
                <a:chExt cx="662" cy="576"/>
              </a:xfrm>
            </p:grpSpPr>
            <p:sp>
              <p:nvSpPr>
                <p:cNvPr id="29" name="Rectangle 30"/>
                <p:cNvSpPr>
                  <a:spLocks noChangeArrowheads="1"/>
                </p:cNvSpPr>
                <p:nvPr/>
              </p:nvSpPr>
              <p:spPr bwMode="auto">
                <a:xfrm>
                  <a:off x="1324" y="576"/>
                  <a:ext cx="662" cy="576"/>
                </a:xfrm>
                <a:prstGeom prst="rect">
                  <a:avLst/>
                </a:prstGeom>
                <a:solidFill>
                  <a:srgbClr val="CC99F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:a14="http://schemas.microsoft.com/office/drawing/2010/main" w="9525">
                      <a:solidFill>
                        <a:schemeClr val="tx1"/>
                      </a:solidFill>
                      <a:miter lim="800000"/>
                      <a:headEnd/>
                      <a:tailEnd/>
                    </a14:hiddenLine>
                  </a:ex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  <p:txBody>
                <a:bodyPr/>
                <a:lstStyle/>
                <a:p>
                  <a:endParaRPr lang="en-US"/>
                </a:p>
              </p:txBody>
            </p:sp>
            <p:grpSp>
              <p:nvGrpSpPr>
                <p:cNvPr id="30" name="Group 31"/>
                <p:cNvGrpSpPr>
                  <a:grpSpLocks/>
                </p:cNvGrpSpPr>
                <p:nvPr/>
              </p:nvGrpSpPr>
              <p:grpSpPr bwMode="auto">
                <a:xfrm>
                  <a:off x="1324" y="576"/>
                  <a:ext cx="662" cy="576"/>
                  <a:chOff x="1324" y="576"/>
                  <a:chExt cx="662" cy="576"/>
                </a:xfrm>
              </p:grpSpPr>
              <p:sp>
                <p:nvSpPr>
                  <p:cNvPr id="31" name="Rectangle 32"/>
                  <p:cNvSpPr>
                    <a:spLocks noChangeArrowheads="1"/>
                  </p:cNvSpPr>
                  <p:nvPr/>
                </p:nvSpPr>
                <p:spPr bwMode="auto">
                  <a:xfrm>
                    <a:off x="1367" y="576"/>
                    <a:ext cx="576" cy="576"/>
                  </a:xfrm>
                  <a:prstGeom prst="rect">
                    <a:avLst/>
                  </a:prstGeom>
                  <a:solidFill>
                    <a:srgbClr val="CC99FF"/>
                  </a:solidFill>
                  <a:ln>
                    <a:noFill/>
                  </a:ln>
                  <a:effectLst/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14:hiddenLine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 anchor="ctr"/>
                  <a:lstStyle/>
                  <a:p>
                    <a:pPr algn="ctr" eaLnBrk="0" hangingPunct="0"/>
                    <a:r>
                      <a:rPr lang="en-US" sz="1200" b="1" dirty="0" smtClean="0">
                        <a:cs typeface="Times New Roman" pitchFamily="18" charset="0"/>
                      </a:rPr>
                      <a:t>1.30%</a:t>
                    </a:r>
                    <a:endParaRPr lang="en-US" sz="1200" b="1" dirty="0">
                      <a:cs typeface="Times New Roman" pitchFamily="18" charset="0"/>
                    </a:endParaRPr>
                  </a:p>
                  <a:p>
                    <a:pPr algn="ctr" eaLnBrk="0" hangingPunct="0"/>
                    <a:endParaRPr lang="en-US" dirty="0"/>
                  </a:p>
                </p:txBody>
              </p:sp>
              <p:sp>
                <p:nvSpPr>
                  <p:cNvPr id="32" name="Rectangle 33"/>
                  <p:cNvSpPr>
                    <a:spLocks noChangeArrowheads="1"/>
                  </p:cNvSpPr>
                  <p:nvPr/>
                </p:nvSpPr>
                <p:spPr bwMode="auto">
                  <a:xfrm>
                    <a:off x="1324" y="576"/>
                    <a:ext cx="662" cy="576"/>
                  </a:xfrm>
                  <a:prstGeom prst="rect">
                    <a:avLst/>
                  </a:prstGeom>
                  <a:noFill/>
                  <a:ln w="7">
                    <a:solidFill>
                      <a:srgbClr val="A0A0A0"/>
                    </a:solidFill>
                    <a:miter lim="800000"/>
                    <a:headEnd/>
                    <a:tailEnd/>
                  </a:ln>
                  <a:effectLst/>
                  <a:extLst>
                    <a:ext uri="{909E8E84-426E-40DD-AFC4-6F175D3DCCD1}">
                      <a14:hiddenFill xmlns:a14="http://schemas.microsoft.com/office/drawing/2010/main">
                        <a:solidFill>
                          <a:schemeClr val="accent1"/>
                        </a:solidFill>
                      </a14:hiddenFill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/>
                  <a:lstStyle/>
                  <a:p>
                    <a:endParaRPr lang="en-US"/>
                  </a:p>
                </p:txBody>
              </p:sp>
            </p:grpSp>
          </p:grpSp>
          <p:grpSp>
            <p:nvGrpSpPr>
              <p:cNvPr id="14" name="Group 34"/>
              <p:cNvGrpSpPr>
                <a:grpSpLocks/>
              </p:cNvGrpSpPr>
              <p:nvPr/>
            </p:nvGrpSpPr>
            <p:grpSpPr bwMode="auto">
              <a:xfrm>
                <a:off x="0" y="1152"/>
                <a:ext cx="662" cy="576"/>
                <a:chOff x="0" y="1152"/>
                <a:chExt cx="662" cy="576"/>
              </a:xfrm>
            </p:grpSpPr>
            <p:sp>
              <p:nvSpPr>
                <p:cNvPr id="25" name="Rectangle 35"/>
                <p:cNvSpPr>
                  <a:spLocks noChangeArrowheads="1"/>
                </p:cNvSpPr>
                <p:nvPr/>
              </p:nvSpPr>
              <p:spPr bwMode="auto">
                <a:xfrm>
                  <a:off x="0" y="1152"/>
                  <a:ext cx="662" cy="576"/>
                </a:xfrm>
                <a:prstGeom prst="rect">
                  <a:avLst/>
                </a:prstGeom>
                <a:solidFill>
                  <a:srgbClr val="99CCF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:a14="http://schemas.microsoft.com/office/drawing/2010/main" w="9525">
                      <a:solidFill>
                        <a:schemeClr val="tx1"/>
                      </a:solidFill>
                      <a:miter lim="800000"/>
                      <a:headEnd/>
                      <a:tailEnd/>
                    </a14:hiddenLine>
                  </a:ex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  <p:txBody>
                <a:bodyPr/>
                <a:lstStyle/>
                <a:p>
                  <a:endParaRPr lang="en-US"/>
                </a:p>
              </p:txBody>
            </p:sp>
            <p:grpSp>
              <p:nvGrpSpPr>
                <p:cNvPr id="26" name="Group 36"/>
                <p:cNvGrpSpPr>
                  <a:grpSpLocks/>
                </p:cNvGrpSpPr>
                <p:nvPr/>
              </p:nvGrpSpPr>
              <p:grpSpPr bwMode="auto">
                <a:xfrm>
                  <a:off x="0" y="1152"/>
                  <a:ext cx="662" cy="576"/>
                  <a:chOff x="0" y="1152"/>
                  <a:chExt cx="662" cy="576"/>
                </a:xfrm>
              </p:grpSpPr>
              <p:sp>
                <p:nvSpPr>
                  <p:cNvPr id="27" name="Rectangle 37"/>
                  <p:cNvSpPr>
                    <a:spLocks noChangeArrowheads="1"/>
                  </p:cNvSpPr>
                  <p:nvPr/>
                </p:nvSpPr>
                <p:spPr bwMode="auto">
                  <a:xfrm>
                    <a:off x="43" y="1152"/>
                    <a:ext cx="576" cy="576"/>
                  </a:xfrm>
                  <a:prstGeom prst="rect">
                    <a:avLst/>
                  </a:prstGeom>
                  <a:solidFill>
                    <a:srgbClr val="99CCFF"/>
                  </a:solidFill>
                  <a:ln>
                    <a:noFill/>
                  </a:ln>
                  <a:effectLst/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14:hiddenLine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 anchor="ctr"/>
                  <a:lstStyle/>
                  <a:p>
                    <a:pPr algn="ctr" eaLnBrk="0" hangingPunct="0"/>
                    <a:r>
                      <a:rPr lang="en-US" sz="1200" b="1" dirty="0" smtClean="0">
                        <a:cs typeface="Times New Roman" pitchFamily="18" charset="0"/>
                      </a:rPr>
                      <a:t>0.00%</a:t>
                    </a:r>
                    <a:endParaRPr lang="en-US" sz="1200" b="1" dirty="0">
                      <a:cs typeface="Times New Roman" pitchFamily="18" charset="0"/>
                    </a:endParaRPr>
                  </a:p>
                  <a:p>
                    <a:pPr algn="ctr" eaLnBrk="0" hangingPunct="0"/>
                    <a:endParaRPr lang="en-US" dirty="0"/>
                  </a:p>
                </p:txBody>
              </p:sp>
              <p:sp>
                <p:nvSpPr>
                  <p:cNvPr id="28" name="Rectangle 38"/>
                  <p:cNvSpPr>
                    <a:spLocks noChangeArrowheads="1"/>
                  </p:cNvSpPr>
                  <p:nvPr/>
                </p:nvSpPr>
                <p:spPr bwMode="auto">
                  <a:xfrm>
                    <a:off x="0" y="1152"/>
                    <a:ext cx="662" cy="576"/>
                  </a:xfrm>
                  <a:prstGeom prst="rect">
                    <a:avLst/>
                  </a:prstGeom>
                  <a:noFill/>
                  <a:ln w="7">
                    <a:solidFill>
                      <a:srgbClr val="A0A0A0"/>
                    </a:solidFill>
                    <a:miter lim="800000"/>
                    <a:headEnd/>
                    <a:tailEnd/>
                  </a:ln>
                  <a:effectLst/>
                  <a:extLst>
                    <a:ext uri="{909E8E84-426E-40DD-AFC4-6F175D3DCCD1}">
                      <a14:hiddenFill xmlns:a14="http://schemas.microsoft.com/office/drawing/2010/main">
                        <a:solidFill>
                          <a:schemeClr val="accent1"/>
                        </a:solidFill>
                      </a14:hiddenFill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/>
                  <a:lstStyle/>
                  <a:p>
                    <a:endParaRPr lang="en-US"/>
                  </a:p>
                </p:txBody>
              </p:sp>
            </p:grpSp>
          </p:grpSp>
          <p:grpSp>
            <p:nvGrpSpPr>
              <p:cNvPr id="15" name="Group 39"/>
              <p:cNvGrpSpPr>
                <a:grpSpLocks/>
              </p:cNvGrpSpPr>
              <p:nvPr/>
            </p:nvGrpSpPr>
            <p:grpSpPr bwMode="auto">
              <a:xfrm>
                <a:off x="662" y="1152"/>
                <a:ext cx="662" cy="576"/>
                <a:chOff x="662" y="1152"/>
                <a:chExt cx="662" cy="576"/>
              </a:xfrm>
            </p:grpSpPr>
            <p:sp>
              <p:nvSpPr>
                <p:cNvPr id="21" name="Rectangle 40"/>
                <p:cNvSpPr>
                  <a:spLocks noChangeArrowheads="1"/>
                </p:cNvSpPr>
                <p:nvPr/>
              </p:nvSpPr>
              <p:spPr bwMode="auto">
                <a:xfrm>
                  <a:off x="662" y="1152"/>
                  <a:ext cx="662" cy="576"/>
                </a:xfrm>
                <a:prstGeom prst="rect">
                  <a:avLst/>
                </a:prstGeom>
                <a:solidFill>
                  <a:srgbClr val="CC99F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:a14="http://schemas.microsoft.com/office/drawing/2010/main" w="9525">
                      <a:solidFill>
                        <a:schemeClr val="tx1"/>
                      </a:solidFill>
                      <a:miter lim="800000"/>
                      <a:headEnd/>
                      <a:tailEnd/>
                    </a14:hiddenLine>
                  </a:ex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  <p:txBody>
                <a:bodyPr/>
                <a:lstStyle/>
                <a:p>
                  <a:endParaRPr lang="en-US"/>
                </a:p>
              </p:txBody>
            </p:sp>
            <p:grpSp>
              <p:nvGrpSpPr>
                <p:cNvPr id="22" name="Group 41"/>
                <p:cNvGrpSpPr>
                  <a:grpSpLocks/>
                </p:cNvGrpSpPr>
                <p:nvPr/>
              </p:nvGrpSpPr>
              <p:grpSpPr bwMode="auto">
                <a:xfrm>
                  <a:off x="662" y="1152"/>
                  <a:ext cx="662" cy="576"/>
                  <a:chOff x="662" y="1152"/>
                  <a:chExt cx="662" cy="576"/>
                </a:xfrm>
              </p:grpSpPr>
              <p:sp>
                <p:nvSpPr>
                  <p:cNvPr id="23" name="Rectangle 42"/>
                  <p:cNvSpPr>
                    <a:spLocks noChangeArrowheads="1"/>
                  </p:cNvSpPr>
                  <p:nvPr/>
                </p:nvSpPr>
                <p:spPr bwMode="auto">
                  <a:xfrm>
                    <a:off x="705" y="1152"/>
                    <a:ext cx="576" cy="576"/>
                  </a:xfrm>
                  <a:prstGeom prst="rect">
                    <a:avLst/>
                  </a:prstGeom>
                  <a:solidFill>
                    <a:srgbClr val="CC99FF"/>
                  </a:solidFill>
                  <a:ln>
                    <a:noFill/>
                  </a:ln>
                  <a:effectLst/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14:hiddenLine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 anchor="ctr"/>
                  <a:lstStyle/>
                  <a:p>
                    <a:pPr algn="ctr" eaLnBrk="0" hangingPunct="0"/>
                    <a:r>
                      <a:rPr lang="en-US" sz="1200" b="1" dirty="0" smtClean="0">
                        <a:cs typeface="Times New Roman" pitchFamily="18" charset="0"/>
                      </a:rPr>
                      <a:t>1.00%</a:t>
                    </a:r>
                    <a:endParaRPr lang="en-US" sz="1200" b="1" dirty="0">
                      <a:cs typeface="Times New Roman" pitchFamily="18" charset="0"/>
                    </a:endParaRPr>
                  </a:p>
                  <a:p>
                    <a:pPr algn="ctr" eaLnBrk="0" hangingPunct="0"/>
                    <a:endParaRPr lang="en-US" dirty="0"/>
                  </a:p>
                </p:txBody>
              </p:sp>
              <p:sp>
                <p:nvSpPr>
                  <p:cNvPr id="24" name="Rectangle 43"/>
                  <p:cNvSpPr>
                    <a:spLocks noChangeArrowheads="1"/>
                  </p:cNvSpPr>
                  <p:nvPr/>
                </p:nvSpPr>
                <p:spPr bwMode="auto">
                  <a:xfrm>
                    <a:off x="662" y="1152"/>
                    <a:ext cx="662" cy="576"/>
                  </a:xfrm>
                  <a:prstGeom prst="rect">
                    <a:avLst/>
                  </a:prstGeom>
                  <a:noFill/>
                  <a:ln w="7">
                    <a:solidFill>
                      <a:srgbClr val="A0A0A0"/>
                    </a:solidFill>
                    <a:miter lim="800000"/>
                    <a:headEnd/>
                    <a:tailEnd/>
                  </a:ln>
                  <a:effectLst/>
                  <a:extLst>
                    <a:ext uri="{909E8E84-426E-40DD-AFC4-6F175D3DCCD1}">
                      <a14:hiddenFill xmlns:a14="http://schemas.microsoft.com/office/drawing/2010/main">
                        <a:solidFill>
                          <a:schemeClr val="accent1"/>
                        </a:solidFill>
                      </a14:hiddenFill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/>
                  <a:lstStyle/>
                  <a:p>
                    <a:endParaRPr lang="en-US"/>
                  </a:p>
                </p:txBody>
              </p:sp>
            </p:grpSp>
          </p:grpSp>
          <p:grpSp>
            <p:nvGrpSpPr>
              <p:cNvPr id="16" name="Group 44"/>
              <p:cNvGrpSpPr>
                <a:grpSpLocks/>
              </p:cNvGrpSpPr>
              <p:nvPr/>
            </p:nvGrpSpPr>
            <p:grpSpPr bwMode="auto">
              <a:xfrm>
                <a:off x="1324" y="1152"/>
                <a:ext cx="662" cy="576"/>
                <a:chOff x="1324" y="1152"/>
                <a:chExt cx="662" cy="576"/>
              </a:xfrm>
            </p:grpSpPr>
            <p:sp>
              <p:nvSpPr>
                <p:cNvPr id="17" name="Rectangle 45"/>
                <p:cNvSpPr>
                  <a:spLocks noChangeArrowheads="1"/>
                </p:cNvSpPr>
                <p:nvPr/>
              </p:nvSpPr>
              <p:spPr bwMode="auto">
                <a:xfrm>
                  <a:off x="1324" y="1152"/>
                  <a:ext cx="662" cy="576"/>
                </a:xfrm>
                <a:prstGeom prst="rect">
                  <a:avLst/>
                </a:prstGeom>
                <a:solidFill>
                  <a:srgbClr val="99CCF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:a14="http://schemas.microsoft.com/office/drawing/2010/main" w="9525">
                      <a:solidFill>
                        <a:schemeClr val="tx1"/>
                      </a:solidFill>
                      <a:miter lim="800000"/>
                      <a:headEnd/>
                      <a:tailEnd/>
                    </a14:hiddenLine>
                  </a:ext>
                  <a:ext uri="{AF507438-7753-43E0-B8FC-AC1667EBCBE1}">
                    <a14:hiddenEffects xmlns:a14="http://schemas.microsoft.com/office/drawing/2010/main">
                      <a:effectLst>
                        <a:outerShdw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  <p:txBody>
                <a:bodyPr/>
                <a:lstStyle/>
                <a:p>
                  <a:endParaRPr lang="en-US"/>
                </a:p>
              </p:txBody>
            </p:sp>
            <p:grpSp>
              <p:nvGrpSpPr>
                <p:cNvPr id="18" name="Group 46"/>
                <p:cNvGrpSpPr>
                  <a:grpSpLocks/>
                </p:cNvGrpSpPr>
                <p:nvPr/>
              </p:nvGrpSpPr>
              <p:grpSpPr bwMode="auto">
                <a:xfrm>
                  <a:off x="1324" y="1152"/>
                  <a:ext cx="662" cy="576"/>
                  <a:chOff x="1324" y="1152"/>
                  <a:chExt cx="662" cy="576"/>
                </a:xfrm>
              </p:grpSpPr>
              <p:sp>
                <p:nvSpPr>
                  <p:cNvPr id="19" name="Rectangle 47"/>
                  <p:cNvSpPr>
                    <a:spLocks noChangeArrowheads="1"/>
                  </p:cNvSpPr>
                  <p:nvPr/>
                </p:nvSpPr>
                <p:spPr bwMode="auto">
                  <a:xfrm>
                    <a:off x="1367" y="1152"/>
                    <a:ext cx="576" cy="576"/>
                  </a:xfrm>
                  <a:prstGeom prst="rect">
                    <a:avLst/>
                  </a:prstGeom>
                  <a:solidFill>
                    <a:srgbClr val="99CCFF"/>
                  </a:solidFill>
                  <a:ln>
                    <a:noFill/>
                  </a:ln>
                  <a:effectLst/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14:hiddenLine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 anchor="ctr"/>
                  <a:lstStyle/>
                  <a:p>
                    <a:pPr algn="ctr" eaLnBrk="0" hangingPunct="0"/>
                    <a:r>
                      <a:rPr lang="en-US" sz="1200" b="1" dirty="0">
                        <a:cs typeface="Times New Roman" pitchFamily="18" charset="0"/>
                      </a:rPr>
                      <a:t>0.00%</a:t>
                    </a:r>
                  </a:p>
                  <a:p>
                    <a:pPr algn="ctr" eaLnBrk="0" hangingPunct="0"/>
                    <a:endParaRPr lang="en-US" dirty="0"/>
                  </a:p>
                </p:txBody>
              </p:sp>
              <p:sp>
                <p:nvSpPr>
                  <p:cNvPr id="20" name="Rectangle 48"/>
                  <p:cNvSpPr>
                    <a:spLocks noChangeArrowheads="1"/>
                  </p:cNvSpPr>
                  <p:nvPr/>
                </p:nvSpPr>
                <p:spPr bwMode="auto">
                  <a:xfrm>
                    <a:off x="1324" y="1152"/>
                    <a:ext cx="662" cy="576"/>
                  </a:xfrm>
                  <a:prstGeom prst="rect">
                    <a:avLst/>
                  </a:prstGeom>
                  <a:noFill/>
                  <a:ln w="7">
                    <a:solidFill>
                      <a:srgbClr val="A0A0A0"/>
                    </a:solidFill>
                    <a:miter lim="800000"/>
                    <a:headEnd/>
                    <a:tailEnd/>
                  </a:ln>
                  <a:effectLst/>
                  <a:extLst>
                    <a:ext uri="{909E8E84-426E-40DD-AFC4-6F175D3DCCD1}">
                      <a14:hiddenFill xmlns:a14="http://schemas.microsoft.com/office/drawing/2010/main">
                        <a:solidFill>
                          <a:schemeClr val="accent1"/>
                        </a:solidFill>
                      </a14:hiddenFill>
                    </a:ext>
                    <a:ext uri="{AF507438-7753-43E0-B8FC-AC1667EBCBE1}">
                      <a14:hiddenEffects xmlns:a14="http://schemas.microsoft.com/office/drawing/2010/main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/>
                  <a:lstStyle/>
                  <a:p>
                    <a:endParaRPr lang="en-US"/>
                  </a:p>
                </p:txBody>
              </p:sp>
            </p:grpSp>
          </p:grpSp>
        </p:grpSp>
        <p:sp>
          <p:nvSpPr>
            <p:cNvPr id="7" name="Rectangle 49"/>
            <p:cNvSpPr>
              <a:spLocks noChangeArrowheads="1"/>
            </p:cNvSpPr>
            <p:nvPr/>
          </p:nvSpPr>
          <p:spPr bwMode="auto">
            <a:xfrm>
              <a:off x="-2" y="-2"/>
              <a:ext cx="1990" cy="1732"/>
            </a:xfrm>
            <a:prstGeom prst="rect">
              <a:avLst/>
            </a:prstGeom>
            <a:noFill/>
            <a:ln w="6350">
              <a:solidFill>
                <a:srgbClr val="A0A0A0"/>
              </a:solidFill>
              <a:miter lim="800000"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endParaRPr lang="en-US"/>
            </a:p>
          </p:txBody>
        </p:sp>
      </p:grpSp>
      <p:sp>
        <p:nvSpPr>
          <p:cNvPr id="53" name="Rectangle 51"/>
          <p:cNvSpPr>
            <a:spLocks noChangeArrowheads="1"/>
          </p:cNvSpPr>
          <p:nvPr/>
        </p:nvSpPr>
        <p:spPr bwMode="auto">
          <a:xfrm>
            <a:off x="152400" y="5431588"/>
            <a:ext cx="4776379" cy="668584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  <a:effectLst/>
        </p:spPr>
        <p:txBody>
          <a:bodyPr/>
          <a:lstStyle/>
          <a:p>
            <a:pPr marL="342900" indent="-342900">
              <a:spcBef>
                <a:spcPct val="20000"/>
              </a:spcBef>
              <a:buFontTx/>
              <a:buChar char="•"/>
            </a:pPr>
            <a:r>
              <a:rPr lang="en-US" b="1" dirty="0" smtClean="0"/>
              <a:t>Results </a:t>
            </a:r>
            <a:r>
              <a:rPr lang="en-US" b="1" dirty="0"/>
              <a:t>consistent with detector model calculations</a:t>
            </a:r>
          </a:p>
          <a:p>
            <a:pPr marL="342900" indent="-342900">
              <a:spcBef>
                <a:spcPct val="20000"/>
              </a:spcBef>
              <a:buFontTx/>
              <a:buChar char="•"/>
            </a:pPr>
            <a:r>
              <a:rPr lang="en-US" b="1" dirty="0" smtClean="0"/>
              <a:t>Total crosstalk </a:t>
            </a:r>
            <a:r>
              <a:rPr lang="en-US" b="1" dirty="0"/>
              <a:t>results shows no dependence on </a:t>
            </a:r>
            <a:r>
              <a:rPr lang="en-US" b="1" dirty="0" smtClean="0"/>
              <a:t>temperature</a:t>
            </a:r>
            <a:endParaRPr lang="en-US" b="1" dirty="0"/>
          </a:p>
        </p:txBody>
      </p:sp>
      <p:sp>
        <p:nvSpPr>
          <p:cNvPr id="54" name="Rectangle 6"/>
          <p:cNvSpPr txBox="1">
            <a:spLocks noChangeArrowheads="1"/>
          </p:cNvSpPr>
          <p:nvPr/>
        </p:nvSpPr>
        <p:spPr>
          <a:xfrm>
            <a:off x="308055" y="152400"/>
            <a:ext cx="8458200" cy="548640"/>
          </a:xfrm>
          <a:prstGeom prst="rect">
            <a:avLst/>
          </a:prstGeom>
          <a:ln/>
        </p:spPr>
        <p:txBody>
          <a:bodyPr rIns="132080"/>
          <a:lstStyle>
            <a:lvl1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+mj-lt"/>
                <a:ea typeface="+mj-ea"/>
                <a:cs typeface="+mj-cs"/>
                <a:sym typeface="Impact" pitchFamily="34" charset="0"/>
              </a:defRPr>
            </a:lvl1pPr>
            <a:lvl2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2pPr>
            <a:lvl3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3pPr>
            <a:lvl4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4pPr>
            <a:lvl5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5pPr>
            <a:lvl6pPr marL="4968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6pPr>
            <a:lvl7pPr marL="9540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7pPr>
            <a:lvl8pPr marL="14112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8pPr>
            <a:lvl9pPr marL="18684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9pPr>
          </a:lstStyle>
          <a:p>
            <a:r>
              <a:rPr lang="en-US" sz="3200" b="1" kern="1200" dirty="0" smtClean="0">
                <a:latin typeface="Calibri" pitchFamily="34" charset="0"/>
                <a:cs typeface="ＭＳ Ｐゴシック"/>
              </a:rPr>
              <a:t>Total Cross Talk for NIR and SWIR</a:t>
            </a:r>
            <a:endParaRPr lang="en-US" sz="3200" b="1" kern="1200" dirty="0">
              <a:latin typeface="Calibri" pitchFamily="34" charset="0"/>
              <a:cs typeface="ＭＳ Ｐゴシック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5334000" y="5497841"/>
            <a:ext cx="3692733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71450" indent="-171450">
              <a:buFont typeface="Arial" pitchFamily="34" charset="0"/>
              <a:buChar char="•"/>
            </a:pPr>
            <a:r>
              <a:rPr lang="en-US" sz="900" b="1" dirty="0" smtClean="0"/>
              <a:t>189 </a:t>
            </a:r>
            <a:r>
              <a:rPr lang="en-US" sz="900" b="1" dirty="0"/>
              <a:t>events with charge in the 4,000 – 12,000 e- </a:t>
            </a:r>
            <a:r>
              <a:rPr lang="en-US" sz="900" b="1" dirty="0" smtClean="0"/>
              <a:t>range.</a:t>
            </a:r>
          </a:p>
          <a:p>
            <a:pPr marL="171450" indent="-171450">
              <a:buFont typeface="Arial" pitchFamily="34" charset="0"/>
              <a:buChar char="•"/>
            </a:pPr>
            <a:endParaRPr lang="en-US" sz="900" b="1" dirty="0"/>
          </a:p>
          <a:p>
            <a:pPr marL="171450" indent="-171450">
              <a:buFont typeface="Arial" pitchFamily="34" charset="0"/>
              <a:buChar char="•"/>
            </a:pPr>
            <a:r>
              <a:rPr lang="en-US" sz="900" b="1" dirty="0" smtClean="0"/>
              <a:t>We </a:t>
            </a:r>
            <a:r>
              <a:rPr lang="en-US" sz="900" b="1" dirty="0"/>
              <a:t>find a nearest neighbor total cross talk below about 1.1% and indistinguishable from the noise in the corner neighbors confirming the theoretically expected cross talk.</a:t>
            </a:r>
          </a:p>
          <a:p>
            <a:pPr marL="171450" indent="-171450">
              <a:buFont typeface="Arial" pitchFamily="34" charset="0"/>
              <a:buChar char="•"/>
            </a:pPr>
            <a:endParaRPr lang="en-US" sz="900" b="1" dirty="0"/>
          </a:p>
        </p:txBody>
      </p:sp>
      <p:grpSp>
        <p:nvGrpSpPr>
          <p:cNvPr id="58" name="Group 57"/>
          <p:cNvGrpSpPr/>
          <p:nvPr/>
        </p:nvGrpSpPr>
        <p:grpSpPr>
          <a:xfrm>
            <a:off x="5563405" y="3049171"/>
            <a:ext cx="2938025" cy="2437229"/>
            <a:chOff x="5105400" y="2947648"/>
            <a:chExt cx="3122510" cy="2599712"/>
          </a:xfrm>
        </p:grpSpPr>
        <p:pic>
          <p:nvPicPr>
            <p:cNvPr id="55" name="Picture 3"/>
            <p:cNvPicPr>
              <a:picLocks noChangeAspect="1" noChangeArrowheads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105400" y="2947648"/>
              <a:ext cx="3122510" cy="259971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56" name="Rectangle 55"/>
            <p:cNvSpPr/>
            <p:nvPr/>
          </p:nvSpPr>
          <p:spPr bwMode="auto">
            <a:xfrm>
              <a:off x="5486400" y="2994660"/>
              <a:ext cx="2590800" cy="38100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  <a:extLst/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marL="0" marR="0" indent="0" algn="l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200" b="0" i="0" u="none" strike="noStrike" cap="none" normalizeH="0" baseline="0" smtClean="0">
                <a:ln>
                  <a:noFill/>
                </a:ln>
                <a:solidFill>
                  <a:srgbClr val="000000"/>
                </a:solidFill>
                <a:effectLst/>
                <a:latin typeface="Arial" charset="0"/>
                <a:ea typeface="ヒラギノ角ゴ ProN W3" charset="0"/>
                <a:cs typeface="ヒラギノ角ゴ ProN W3" charset="0"/>
                <a:sym typeface="Arial" charset="0"/>
              </a:endParaRPr>
            </a:p>
          </p:txBody>
        </p:sp>
      </p:grpSp>
      <p:sp>
        <p:nvSpPr>
          <p:cNvPr id="57" name="Text Box 9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315752" y="4800600"/>
            <a:ext cx="2321496" cy="478588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latin typeface="Calibri" pitchFamily="34" charset="0"/>
                <a:ea typeface="ＭＳ Ｐゴシック" pitchFamily="34" charset="-128"/>
                <a:cs typeface="+mn-cs"/>
              </a:rPr>
              <a:t>T=120K      </a:t>
            </a:r>
            <a:r>
              <a:rPr lang="en-US" sz="1400" i="1" u="sng" dirty="0" smtClean="0">
                <a:cs typeface="Arial" pitchFamily="34" charset="0"/>
                <a:sym typeface="Arial" pitchFamily="34" charset="0"/>
              </a:rPr>
              <a:t>SCA </a:t>
            </a:r>
            <a:r>
              <a:rPr lang="en-US" sz="1400" i="1" u="sng" dirty="0">
                <a:cs typeface="Arial" pitchFamily="34" charset="0"/>
                <a:sym typeface="Arial" pitchFamily="34" charset="0"/>
              </a:rPr>
              <a:t>S/N </a:t>
            </a:r>
            <a:r>
              <a:rPr lang="en-US" sz="1400" i="1" u="sng" dirty="0" smtClean="0">
                <a:cs typeface="Arial" pitchFamily="34" charset="0"/>
                <a:sym typeface="Arial" pitchFamily="34" charset="0"/>
              </a:rPr>
              <a:t>18315</a:t>
            </a:r>
          </a:p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latin typeface="Calibri" pitchFamily="34" charset="0"/>
                <a:ea typeface="ＭＳ Ｐゴシック" pitchFamily="34" charset="-128"/>
                <a:cs typeface="Arial" pitchFamily="34" charset="0"/>
                <a:sym typeface="Arial" pitchFamily="34" charset="0"/>
              </a:rPr>
              <a:t>Total Cross Talk &lt; 1.1%</a:t>
            </a:r>
            <a:endParaRPr lang="en-US" altLang="en-US" sz="1400" b="1" dirty="0" smtClean="0">
              <a:latin typeface="Calibri" pitchFamily="34" charset="0"/>
              <a:ea typeface="ＭＳ Ｐゴシック" pitchFamily="34" charset="-128"/>
              <a:cs typeface="+mn-cs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621128" y="631836"/>
            <a:ext cx="4229100" cy="240589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9887750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3287" b="16637"/>
          <a:stretch>
            <a:fillRect/>
          </a:stretch>
        </p:blipFill>
        <p:spPr bwMode="auto">
          <a:xfrm>
            <a:off x="609600" y="682178"/>
            <a:ext cx="7918450" cy="4724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Rectangle 1"/>
          <p:cNvSpPr/>
          <p:nvPr/>
        </p:nvSpPr>
        <p:spPr>
          <a:xfrm>
            <a:off x="835025" y="5105400"/>
            <a:ext cx="7467600" cy="923330"/>
          </a:xfrm>
          <a:prstGeom prst="rect">
            <a:avLst/>
          </a:prstGeom>
          <a:solidFill>
            <a:schemeClr val="bg2">
              <a:lumMod val="20000"/>
              <a:lumOff val="80000"/>
            </a:schemeClr>
          </a:solidFill>
        </p:spPr>
        <p:txBody>
          <a:bodyPr wrap="square">
            <a:spAutoFit/>
          </a:bodyPr>
          <a:lstStyle/>
          <a:p>
            <a:pPr marL="285750" lvl="0" indent="-285750">
              <a:buFont typeface="Arial" pitchFamily="34" charset="0"/>
              <a:buChar char="•"/>
            </a:pPr>
            <a:r>
              <a:rPr lang="en-US" sz="1800" dirty="0"/>
              <a:t>Maximum variation (peak-to-valley) to best fit </a:t>
            </a:r>
            <a:r>
              <a:rPr lang="en-US" sz="1800" dirty="0" smtClean="0"/>
              <a:t>plane was measured </a:t>
            </a:r>
          </a:p>
          <a:p>
            <a:pPr marL="285750" lvl="0" indent="-285750">
              <a:buFont typeface="Arial" pitchFamily="34" charset="0"/>
              <a:buChar char="•"/>
            </a:pPr>
            <a:r>
              <a:rPr lang="en-US" sz="1800" dirty="0" smtClean="0"/>
              <a:t>Note</a:t>
            </a:r>
            <a:r>
              <a:rPr lang="en-US" sz="1800" dirty="0"/>
              <a:t>: The flatness of </a:t>
            </a:r>
            <a:r>
              <a:rPr lang="en-US" sz="1800" dirty="0" smtClean="0"/>
              <a:t>SCA </a:t>
            </a:r>
            <a:r>
              <a:rPr lang="en-US" sz="1800" dirty="0"/>
              <a:t>was measured using white light interferometry and entire SCA surface was imaged and analyzed. </a:t>
            </a:r>
          </a:p>
        </p:txBody>
      </p:sp>
      <p:sp>
        <p:nvSpPr>
          <p:cNvPr id="55" name="Rectangle 6"/>
          <p:cNvSpPr txBox="1">
            <a:spLocks noChangeArrowheads="1"/>
          </p:cNvSpPr>
          <p:nvPr/>
        </p:nvSpPr>
        <p:spPr>
          <a:xfrm>
            <a:off x="308055" y="152400"/>
            <a:ext cx="8458200" cy="548640"/>
          </a:xfrm>
          <a:prstGeom prst="rect">
            <a:avLst/>
          </a:prstGeom>
          <a:ln/>
        </p:spPr>
        <p:txBody>
          <a:bodyPr rIns="132080"/>
          <a:lstStyle>
            <a:lvl1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+mj-lt"/>
                <a:ea typeface="+mj-ea"/>
                <a:cs typeface="+mj-cs"/>
                <a:sym typeface="Impact" pitchFamily="34" charset="0"/>
              </a:defRPr>
            </a:lvl1pPr>
            <a:lvl2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2pPr>
            <a:lvl3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3pPr>
            <a:lvl4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4pPr>
            <a:lvl5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5pPr>
            <a:lvl6pPr marL="4968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6pPr>
            <a:lvl7pPr marL="9540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7pPr>
            <a:lvl8pPr marL="14112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8pPr>
            <a:lvl9pPr marL="18684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9pPr>
          </a:lstStyle>
          <a:p>
            <a:r>
              <a:rPr lang="en-US" b="1" kern="1200" dirty="0" smtClean="0">
                <a:latin typeface="Calibri" pitchFamily="34" charset="0"/>
                <a:cs typeface="ＭＳ Ｐゴシック"/>
              </a:rPr>
              <a:t>Flatness of H4RG-15 SCAs as Low or better than H2RG</a:t>
            </a:r>
            <a:endParaRPr lang="en-US" b="1" kern="1200" dirty="0">
              <a:latin typeface="Calibri" pitchFamily="34" charset="0"/>
              <a:cs typeface="ＭＳ Ｐゴシック"/>
            </a:endParaRPr>
          </a:p>
        </p:txBody>
      </p:sp>
      <p:sp>
        <p:nvSpPr>
          <p:cNvPr id="54" name="TextBox 53"/>
          <p:cNvSpPr txBox="1"/>
          <p:nvPr/>
        </p:nvSpPr>
        <p:spPr>
          <a:xfrm>
            <a:off x="1257300" y="4191000"/>
            <a:ext cx="2375843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b="1" dirty="0" smtClean="0"/>
              <a:t>Peak to Valley =5.9 </a:t>
            </a:r>
            <a:r>
              <a:rPr lang="en-US" sz="1600" b="1" dirty="0" smtClean="0">
                <a:latin typeface="Symbol" pitchFamily="18" charset="2"/>
              </a:rPr>
              <a:t>m</a:t>
            </a:r>
            <a:r>
              <a:rPr lang="en-US" sz="1600" b="1" dirty="0" smtClean="0"/>
              <a:t>m</a:t>
            </a:r>
          </a:p>
          <a:p>
            <a:r>
              <a:rPr lang="en-US" sz="1600" b="1" dirty="0" smtClean="0"/>
              <a:t>RMS =0.8 </a:t>
            </a:r>
            <a:r>
              <a:rPr lang="en-US" sz="1600" b="1" dirty="0" smtClean="0">
                <a:latin typeface="Symbol" pitchFamily="18" charset="2"/>
              </a:rPr>
              <a:t>m</a:t>
            </a:r>
            <a:r>
              <a:rPr lang="en-US" sz="1600" b="1" dirty="0" smtClean="0"/>
              <a:t>m</a:t>
            </a:r>
            <a:endParaRPr lang="en-US" sz="1600" b="1" dirty="0"/>
          </a:p>
        </p:txBody>
      </p:sp>
    </p:spTree>
    <p:extLst>
      <p:ext uri="{BB962C8B-B14F-4D97-AF65-F5344CB8AC3E}">
        <p14:creationId xmlns:p14="http://schemas.microsoft.com/office/powerpoint/2010/main" val="36915926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6" name="Rectangle 6"/>
          <p:cNvSpPr>
            <a:spLocks noGrp="1" noChangeArrowheads="1"/>
          </p:cNvSpPr>
          <p:nvPr>
            <p:ph type="title"/>
          </p:nvPr>
        </p:nvSpPr>
        <p:spPr>
          <a:xfrm>
            <a:off x="457200" y="-76200"/>
            <a:ext cx="8991599" cy="914400"/>
          </a:xfrm>
          <a:ln/>
        </p:spPr>
        <p:txBody>
          <a:bodyPr rIns="132080"/>
          <a:lstStyle/>
          <a:p>
            <a:r>
              <a:rPr lang="en-US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Performance Summary of </a:t>
            </a:r>
            <a:r>
              <a:rPr lang="en-US" b="1" kern="1200" dirty="0" smtClean="0">
                <a:latin typeface="Calibri" pitchFamily="34" charset="0"/>
                <a:cs typeface="ＭＳ Ｐゴシック"/>
              </a:rPr>
              <a:t>Science </a:t>
            </a:r>
            <a:r>
              <a:rPr lang="en-US" b="1" kern="1200" dirty="0">
                <a:latin typeface="Calibri" pitchFamily="34" charset="0"/>
                <a:cs typeface="ＭＳ Ｐゴシック"/>
              </a:rPr>
              <a:t>Grade </a:t>
            </a:r>
            <a:r>
              <a:rPr lang="en-US" b="1" kern="1200" dirty="0" smtClean="0">
                <a:latin typeface="Calibri" pitchFamily="34" charset="0"/>
                <a:cs typeface="ＭＳ Ｐゴシック"/>
              </a:rPr>
              <a:t>H4RG-15 SCAs </a:t>
            </a:r>
            <a:endParaRPr lang="en-US" b="1" kern="1200" dirty="0">
              <a:latin typeface="Calibri" pitchFamily="34" charset="0"/>
              <a:cs typeface="ＭＳ Ｐゴシック"/>
              <a:sym typeface="Impact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3165" y="838200"/>
            <a:ext cx="9048307" cy="482536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83465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6"/>
          <p:cNvSpPr txBox="1">
            <a:spLocks noChangeArrowheads="1"/>
          </p:cNvSpPr>
          <p:nvPr/>
        </p:nvSpPr>
        <p:spPr>
          <a:xfrm>
            <a:off x="186268" y="152400"/>
            <a:ext cx="8991599" cy="609600"/>
          </a:xfrm>
          <a:prstGeom prst="rect">
            <a:avLst/>
          </a:prstGeom>
          <a:ln/>
        </p:spPr>
        <p:txBody>
          <a:bodyPr rIns="132080"/>
          <a:lstStyle>
            <a:lvl1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+mj-lt"/>
                <a:ea typeface="+mj-ea"/>
                <a:cs typeface="+mj-cs"/>
                <a:sym typeface="Impact" pitchFamily="34" charset="0"/>
              </a:defRPr>
            </a:lvl1pPr>
            <a:lvl2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2pPr>
            <a:lvl3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3pPr>
            <a:lvl4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4pPr>
            <a:lvl5pPr marL="39688" indent="-39688" algn="l" rtl="0" eaLnBrk="0" fontAlgn="base" hangingPunct="0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pitchFamily="34" charset="0"/>
              </a:defRPr>
            </a:lvl5pPr>
            <a:lvl6pPr marL="4968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6pPr>
            <a:lvl7pPr marL="9540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7pPr>
            <a:lvl8pPr marL="14112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8pPr>
            <a:lvl9pPr marL="1868488" algn="l" rtl="0" fontAlgn="base">
              <a:spcBef>
                <a:spcPct val="0"/>
              </a:spcBef>
              <a:spcAft>
                <a:spcPct val="0"/>
              </a:spcAft>
              <a:defRPr sz="2800">
                <a:solidFill>
                  <a:srgbClr val="0A57A5"/>
                </a:solidFill>
                <a:latin typeface="Impact" charset="0"/>
                <a:ea typeface="ヒラギノ角ゴ ProN W6" charset="0"/>
                <a:cs typeface="ヒラギノ角ゴ ProN W6" charset="0"/>
                <a:sym typeface="Impact" charset="0"/>
              </a:defRPr>
            </a:lvl9pPr>
          </a:lstStyle>
          <a:p>
            <a:r>
              <a:rPr lang="en-US" b="1" kern="1200" dirty="0" smtClean="0">
                <a:latin typeface="Calibri" pitchFamily="34" charset="0"/>
                <a:cs typeface="ＭＳ Ｐゴシック"/>
              </a:rPr>
              <a:t>Four SWIR H4RG-15 SCAs (64 Mega Pixel FPA) </a:t>
            </a:r>
            <a:endParaRPr lang="en-US" b="1" kern="1200" dirty="0">
              <a:latin typeface="Calibri" pitchFamily="34" charset="0"/>
              <a:cs typeface="ＭＳ Ｐゴシック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-7000" contrast="2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85419" y="685800"/>
            <a:ext cx="6193296" cy="55626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2374343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152400"/>
            <a:ext cx="8686800" cy="685800"/>
          </a:xfrm>
        </p:spPr>
        <p:txBody>
          <a:bodyPr/>
          <a:lstStyle/>
          <a:p>
            <a:r>
              <a:rPr lang="en-US" sz="3200" b="1" kern="1200" dirty="0">
                <a:latin typeface="Calibri" pitchFamily="34" charset="0"/>
                <a:cs typeface="ＭＳ Ｐゴシック"/>
              </a:rPr>
              <a:t>Outlin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33400" y="1219200"/>
            <a:ext cx="5334000" cy="5334000"/>
          </a:xfrm>
        </p:spPr>
        <p:txBody>
          <a:bodyPr>
            <a:noAutofit/>
          </a:bodyPr>
          <a:lstStyle/>
          <a:p>
            <a:r>
              <a:rPr lang="en-US" sz="2000" b="1" dirty="0" smtClean="0"/>
              <a:t>MBE HgCdTe Material for Large Format Arrays</a:t>
            </a:r>
          </a:p>
          <a:p>
            <a:r>
              <a:rPr lang="en-US" sz="2000" b="1" dirty="0" smtClean="0"/>
              <a:t>H4RG-15 ROIC</a:t>
            </a:r>
          </a:p>
          <a:p>
            <a:pPr>
              <a:buFont typeface="Arial" pitchFamily="34" charset="0"/>
              <a:buChar char="•"/>
            </a:pPr>
            <a:r>
              <a:rPr lang="en-US" sz="2000" b="1" dirty="0" smtClean="0"/>
              <a:t>H4RG-15 </a:t>
            </a:r>
            <a:r>
              <a:rPr lang="en-US" sz="2000" b="1" dirty="0" smtClean="0"/>
              <a:t>NIR and SWIR SCA Results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Dark Current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Quantum Efficiency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Spectral Response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CDS Noise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Well Capacity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Cross Talk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SCA Flatness</a:t>
            </a:r>
          </a:p>
          <a:p>
            <a:pPr>
              <a:buFont typeface="Arial" pitchFamily="34" charset="0"/>
              <a:buChar char="•"/>
            </a:pPr>
            <a:r>
              <a:rPr lang="en-US" sz="2000" b="1" dirty="0" smtClean="0"/>
              <a:t>Summary</a:t>
            </a:r>
          </a:p>
          <a:p>
            <a:pPr lvl="1">
              <a:buFont typeface="Arial" pitchFamily="34" charset="0"/>
              <a:buChar char="•"/>
            </a:pPr>
            <a:endParaRPr lang="en-US" sz="2400" b="1" dirty="0" smtClean="0"/>
          </a:p>
          <a:p>
            <a:pPr lvl="1">
              <a:buFont typeface="Arial" pitchFamily="34" charset="0"/>
              <a:buChar char="•"/>
            </a:pPr>
            <a:endParaRPr lang="en-US" sz="2400" dirty="0" smtClean="0"/>
          </a:p>
          <a:p>
            <a:pPr lvl="1">
              <a:buFont typeface="Arial" pitchFamily="34" charset="0"/>
              <a:buChar char="•"/>
            </a:pPr>
            <a:endParaRPr lang="en-US" sz="2400" dirty="0" smtClean="0"/>
          </a:p>
          <a:p>
            <a:endParaRPr lang="en-US" sz="2800" dirty="0" smtClean="0"/>
          </a:p>
          <a:p>
            <a:endParaRPr lang="en-US" sz="2800" dirty="0" smtClean="0"/>
          </a:p>
          <a:p>
            <a:endParaRPr lang="en-US" sz="2800" dirty="0"/>
          </a:p>
        </p:txBody>
      </p:sp>
      <p:sp>
        <p:nvSpPr>
          <p:cNvPr id="4" name="TextBox 3"/>
          <p:cNvSpPr txBox="1"/>
          <p:nvPr/>
        </p:nvSpPr>
        <p:spPr>
          <a:xfrm>
            <a:off x="5562600" y="4876800"/>
            <a:ext cx="3061082" cy="369332"/>
          </a:xfrm>
          <a:prstGeom prst="rect">
            <a:avLst/>
          </a:prstGeom>
          <a:solidFill>
            <a:srgbClr val="004080"/>
          </a:solidFill>
        </p:spPr>
        <p:txBody>
          <a:bodyPr wrap="square" rtlCol="0">
            <a:spAutoFit/>
          </a:bodyPr>
          <a:lstStyle/>
          <a:p>
            <a:pPr algn="ctr"/>
            <a:r>
              <a:rPr lang="en-US" sz="1800" b="1" dirty="0" smtClean="0">
                <a:solidFill>
                  <a:schemeClr val="bg1"/>
                </a:solidFill>
              </a:rPr>
              <a:t>4Kx4K H4RG-15</a:t>
            </a:r>
            <a:endParaRPr lang="en-US" sz="1800" b="1" dirty="0">
              <a:solidFill>
                <a:schemeClr val="bg1"/>
              </a:solidFill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62600" y="2217485"/>
            <a:ext cx="3061082" cy="265931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2891569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1000" y="152400"/>
            <a:ext cx="8458200" cy="685800"/>
          </a:xfrm>
        </p:spPr>
        <p:txBody>
          <a:bodyPr/>
          <a:lstStyle/>
          <a:p>
            <a:r>
              <a:rPr lang="en-US" sz="2900" dirty="0" smtClean="0">
                <a:solidFill>
                  <a:srgbClr val="0070C0"/>
                </a:solidFill>
              </a:rPr>
              <a:t>Summary</a:t>
            </a:r>
            <a:endParaRPr lang="en-US" sz="2900" dirty="0">
              <a:solidFill>
                <a:srgbClr val="0070C0"/>
              </a:solidFill>
            </a:endParaRP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0" y="990600"/>
            <a:ext cx="8884920" cy="5029200"/>
          </a:xfrm>
        </p:spPr>
        <p:txBody>
          <a:bodyPr vert="horz" lIns="91440" tIns="45720" rIns="91440" bIns="45720" rtlCol="0">
            <a:normAutofit fontScale="92500" lnSpcReduction="20000"/>
          </a:bodyPr>
          <a:lstStyle/>
          <a:p>
            <a:pPr lvl="1"/>
            <a:r>
              <a:rPr lang="en-US" dirty="0" smtClean="0"/>
              <a:t>Fabricating and Testing Science Grade H4RG-15 NIR and SWIR SCAs</a:t>
            </a:r>
          </a:p>
          <a:p>
            <a:pPr lvl="1"/>
            <a:endParaRPr lang="en-US" dirty="0" smtClean="0"/>
          </a:p>
          <a:p>
            <a:pPr marL="395288" lvl="1" indent="0">
              <a:buNone/>
            </a:pPr>
            <a:r>
              <a:rPr lang="en-US" dirty="0" smtClean="0"/>
              <a:t>				</a:t>
            </a:r>
          </a:p>
          <a:p>
            <a:pPr lvl="2"/>
            <a:r>
              <a:rPr lang="en-US" dirty="0" smtClean="0"/>
              <a:t>Dark Current		&lt; 0.01 e</a:t>
            </a:r>
            <a:r>
              <a:rPr lang="en-US" baseline="30000" dirty="0" smtClean="0"/>
              <a:t>-</a:t>
            </a:r>
            <a:r>
              <a:rPr lang="en-US" dirty="0" smtClean="0"/>
              <a:t>/s/p</a:t>
            </a:r>
          </a:p>
          <a:p>
            <a:pPr lvl="2"/>
            <a:r>
              <a:rPr lang="en-US" dirty="0" smtClean="0"/>
              <a:t>Quantum Efficiency	&gt; 70    %</a:t>
            </a:r>
            <a:endParaRPr lang="en-US" dirty="0"/>
          </a:p>
          <a:p>
            <a:pPr lvl="2"/>
            <a:r>
              <a:rPr lang="en-US" dirty="0" smtClean="0"/>
              <a:t>CDS Noise		&lt; 20    e</a:t>
            </a:r>
            <a:r>
              <a:rPr lang="en-US" baseline="30000" dirty="0" smtClean="0"/>
              <a:t>-</a:t>
            </a:r>
            <a:endParaRPr lang="en-US" baseline="30000" dirty="0"/>
          </a:p>
          <a:p>
            <a:pPr lvl="2"/>
            <a:r>
              <a:rPr lang="en-US" dirty="0"/>
              <a:t>Well </a:t>
            </a:r>
            <a:r>
              <a:rPr lang="en-US" dirty="0" smtClean="0"/>
              <a:t>Capacity		&gt; 70    </a:t>
            </a:r>
            <a:r>
              <a:rPr lang="en-US" dirty="0" err="1" smtClean="0"/>
              <a:t>Ke</a:t>
            </a:r>
            <a:r>
              <a:rPr lang="en-US" baseline="30000" dirty="0" smtClean="0"/>
              <a:t>-</a:t>
            </a:r>
            <a:endParaRPr lang="en-US" baseline="30000" dirty="0"/>
          </a:p>
          <a:p>
            <a:pPr lvl="2"/>
            <a:r>
              <a:rPr lang="en-US" dirty="0"/>
              <a:t>Cross </a:t>
            </a:r>
            <a:r>
              <a:rPr lang="en-US" dirty="0" smtClean="0"/>
              <a:t>Talk		&lt; 1      %</a:t>
            </a:r>
          </a:p>
          <a:p>
            <a:pPr lvl="2"/>
            <a:r>
              <a:rPr lang="en-US" dirty="0" smtClean="0"/>
              <a:t>Operability		&gt; 95    %</a:t>
            </a:r>
            <a:endParaRPr lang="en-US" dirty="0"/>
          </a:p>
          <a:p>
            <a:pPr lvl="2"/>
            <a:r>
              <a:rPr lang="en-US" dirty="0"/>
              <a:t>SCA </a:t>
            </a:r>
            <a:r>
              <a:rPr lang="en-US" dirty="0" smtClean="0"/>
              <a:t>Flatness		&lt; 20    </a:t>
            </a:r>
            <a:r>
              <a:rPr lang="en-US" dirty="0" smtClean="0">
                <a:latin typeface="Symbol" pitchFamily="18" charset="2"/>
              </a:rPr>
              <a:t>m</a:t>
            </a:r>
            <a:r>
              <a:rPr lang="en-US" dirty="0" smtClean="0"/>
              <a:t>m</a:t>
            </a:r>
          </a:p>
          <a:p>
            <a:pPr lvl="2"/>
            <a:endParaRPr lang="en-US" dirty="0"/>
          </a:p>
          <a:p>
            <a:pPr lvl="1"/>
            <a:r>
              <a:rPr lang="en-US" dirty="0" smtClean="0"/>
              <a:t>Growing Low </a:t>
            </a:r>
            <a:r>
              <a:rPr lang="en-US" dirty="0"/>
              <a:t>Defects Density </a:t>
            </a:r>
            <a:r>
              <a:rPr lang="en-US" dirty="0" smtClean="0"/>
              <a:t>MBE Layers on 7x7.5 </a:t>
            </a:r>
            <a:r>
              <a:rPr lang="en-US" dirty="0"/>
              <a:t>cm</a:t>
            </a:r>
            <a:r>
              <a:rPr lang="en-US" baseline="30000" dirty="0"/>
              <a:t>2</a:t>
            </a:r>
            <a:r>
              <a:rPr lang="en-US" dirty="0"/>
              <a:t> </a:t>
            </a:r>
            <a:r>
              <a:rPr lang="en-US" dirty="0" err="1"/>
              <a:t>CdZnTe</a:t>
            </a:r>
            <a:r>
              <a:rPr lang="en-US" dirty="0"/>
              <a:t> </a:t>
            </a:r>
            <a:r>
              <a:rPr lang="en-US" dirty="0" smtClean="0"/>
              <a:t>Substrates</a:t>
            </a:r>
          </a:p>
          <a:p>
            <a:pPr lvl="1"/>
            <a:endParaRPr lang="en-US" dirty="0" smtClean="0"/>
          </a:p>
          <a:p>
            <a:pPr lvl="1"/>
            <a:r>
              <a:rPr lang="en-US" dirty="0" smtClean="0"/>
              <a:t>H4RG-15 ROIC Fabrication at ON-Semiconductor. </a:t>
            </a:r>
            <a:r>
              <a:rPr lang="en-US" altLang="en-US" dirty="0" smtClean="0"/>
              <a:t>Preserved Established Features and Performance of H1RG and H2RG</a:t>
            </a:r>
          </a:p>
          <a:p>
            <a:pPr lvl="1"/>
            <a:endParaRPr lang="en-US" altLang="en-US" dirty="0" smtClean="0"/>
          </a:p>
          <a:p>
            <a:pPr lvl="1">
              <a:defRPr/>
            </a:pPr>
            <a:r>
              <a:rPr lang="en-US" dirty="0"/>
              <a:t>Using </a:t>
            </a:r>
            <a:r>
              <a:rPr lang="en-US" dirty="0" smtClean="0"/>
              <a:t>Invar </a:t>
            </a:r>
            <a:r>
              <a:rPr lang="en-US" dirty="0"/>
              <a:t>Pedestal for H4RG-15 </a:t>
            </a:r>
            <a:r>
              <a:rPr lang="en-US" dirty="0" smtClean="0"/>
              <a:t>Package </a:t>
            </a:r>
            <a:endParaRPr lang="en-US" altLang="en-US" dirty="0"/>
          </a:p>
          <a:p>
            <a:pPr lvl="1"/>
            <a:endParaRPr lang="en-US" altLang="en-US" dirty="0"/>
          </a:p>
          <a:p>
            <a:pPr lvl="1"/>
            <a:endParaRPr lang="en-US" dirty="0"/>
          </a:p>
          <a:p>
            <a:pPr lvl="2"/>
            <a:endParaRPr lang="en-US" dirty="0"/>
          </a:p>
          <a:p>
            <a:pPr lvl="1"/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475086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898" name="Rectangle 2"/>
          <p:cNvSpPr>
            <a:spLocks noGrp="1" noChangeArrowheads="1"/>
          </p:cNvSpPr>
          <p:nvPr>
            <p:ph type="title"/>
          </p:nvPr>
        </p:nvSpPr>
        <p:spPr>
          <a:xfrm>
            <a:off x="304800" y="76200"/>
            <a:ext cx="9144000" cy="508000"/>
          </a:xfrm>
        </p:spPr>
        <p:txBody>
          <a:bodyPr/>
          <a:lstStyle/>
          <a:p>
            <a:r>
              <a:rPr lang="en-US" altLang="en-US" sz="3200" b="1" kern="1200" dirty="0">
                <a:latin typeface="Calibri" pitchFamily="34" charset="0"/>
                <a:cs typeface="ＭＳ Ｐゴシック"/>
              </a:rPr>
              <a:t>MBE produces the highest performance HgCdTe  </a:t>
            </a:r>
          </a:p>
        </p:txBody>
      </p:sp>
      <p:sp>
        <p:nvSpPr>
          <p:cNvPr id="80899" name="Text Box 3"/>
          <p:cNvSpPr txBox="1">
            <a:spLocks noChangeArrowheads="1"/>
          </p:cNvSpPr>
          <p:nvPr/>
        </p:nvSpPr>
        <p:spPr bwMode="auto">
          <a:xfrm>
            <a:off x="217041" y="812227"/>
            <a:ext cx="4458593" cy="621709"/>
          </a:xfrm>
          <a:prstGeom prst="rect">
            <a:avLst/>
          </a:prstGeom>
          <a:solidFill>
            <a:srgbClr val="EAEAEA"/>
          </a:solidFill>
          <a:ln w="19050">
            <a:solidFill>
              <a:srgbClr val="FFCC00"/>
            </a:solidFill>
            <a:miter lim="800000"/>
            <a:headEnd/>
            <a:tailEnd/>
          </a:ln>
        </p:spPr>
        <p:txBody>
          <a:bodyPr wrap="none" tIns="0" bIns="0">
            <a:spAutoFit/>
          </a:bodyPr>
          <a:lstStyle>
            <a:lvl1pPr marL="457200" indent="-457200"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909638" indent="-45720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spcBef>
                <a:spcPct val="10000"/>
              </a:spcBef>
              <a:buClr>
                <a:srgbClr val="000000"/>
              </a:buClr>
              <a:buFontTx/>
              <a:buNone/>
            </a:pPr>
            <a:r>
              <a:rPr lang="en-US" altLang="en-US" sz="1400" dirty="0" smtClean="0">
                <a:solidFill>
                  <a:srgbClr val="000000"/>
                </a:solidFill>
                <a:latin typeface="Arial Narrow" pitchFamily="34" charset="0"/>
                <a:ea typeface="ＭＳ Ｐゴシック" pitchFamily="34" charset="-128"/>
                <a:cs typeface="+mn-cs"/>
              </a:rPr>
              <a:t>Molecular Beam </a:t>
            </a:r>
            <a:r>
              <a:rPr lang="en-US" altLang="en-US" sz="1400" dirty="0" err="1" smtClean="0">
                <a:solidFill>
                  <a:srgbClr val="000000"/>
                </a:solidFill>
                <a:latin typeface="Arial Narrow" pitchFamily="34" charset="0"/>
                <a:ea typeface="ＭＳ Ｐゴシック" pitchFamily="34" charset="-128"/>
                <a:cs typeface="+mn-cs"/>
              </a:rPr>
              <a:t>Epitaxy</a:t>
            </a:r>
            <a:r>
              <a:rPr lang="en-US" altLang="en-US" sz="1400" dirty="0" smtClean="0">
                <a:solidFill>
                  <a:srgbClr val="000000"/>
                </a:solidFill>
                <a:latin typeface="Arial Narrow" pitchFamily="34" charset="0"/>
                <a:ea typeface="ＭＳ Ｐゴシック" pitchFamily="34" charset="-128"/>
                <a:cs typeface="+mn-cs"/>
              </a:rPr>
              <a:t> (MBE)</a:t>
            </a:r>
          </a:p>
          <a:p>
            <a:pPr lvl="1" eaLnBrk="0" hangingPunct="0">
              <a:spcBef>
                <a:spcPct val="10000"/>
              </a:spcBef>
              <a:buClr>
                <a:srgbClr val="000000"/>
              </a:buClr>
            </a:pPr>
            <a:r>
              <a:rPr lang="en-US" altLang="en-US" sz="1200" dirty="0" smtClean="0">
                <a:solidFill>
                  <a:srgbClr val="000000"/>
                </a:solidFill>
                <a:latin typeface="Arial Narrow" pitchFamily="34" charset="0"/>
                <a:ea typeface="ＭＳ Ｐゴシック" pitchFamily="34" charset="-128"/>
                <a:cs typeface="+mn-cs"/>
              </a:rPr>
              <a:t>Enables very accurate deposition </a:t>
            </a:r>
            <a:r>
              <a:rPr lang="en-US" altLang="en-US" sz="1200" dirty="0" smtClean="0">
                <a:solidFill>
                  <a:srgbClr val="000000"/>
                </a:solidFill>
                <a:latin typeface="Arial Narrow" pitchFamily="34" charset="0"/>
                <a:ea typeface="ＭＳ Ｐゴシック" pitchFamily="34" charset="-128"/>
                <a:cs typeface="+mn-cs"/>
                <a:sym typeface="Symbol" pitchFamily="18" charset="2"/>
              </a:rPr>
              <a:t> “</a:t>
            </a:r>
            <a:r>
              <a:rPr lang="en-US" altLang="en-US" sz="1200" dirty="0" err="1" smtClean="0">
                <a:solidFill>
                  <a:srgbClr val="000000"/>
                </a:solidFill>
                <a:latin typeface="Arial Narrow" pitchFamily="34" charset="0"/>
                <a:ea typeface="ＭＳ Ｐゴシック" pitchFamily="34" charset="-128"/>
                <a:cs typeface="+mn-cs"/>
                <a:sym typeface="Symbol" pitchFamily="18" charset="2"/>
              </a:rPr>
              <a:t>bandgap</a:t>
            </a:r>
            <a:r>
              <a:rPr lang="en-US" altLang="en-US" sz="1200" dirty="0" smtClean="0">
                <a:solidFill>
                  <a:srgbClr val="000000"/>
                </a:solidFill>
                <a:latin typeface="Arial Narrow" pitchFamily="34" charset="0"/>
                <a:ea typeface="ＭＳ Ｐゴシック" pitchFamily="34" charset="-128"/>
                <a:cs typeface="+mn-cs"/>
                <a:sym typeface="Symbol" pitchFamily="18" charset="2"/>
              </a:rPr>
              <a:t> engineering”</a:t>
            </a:r>
          </a:p>
          <a:p>
            <a:pPr lvl="1" eaLnBrk="0" hangingPunct="0">
              <a:spcBef>
                <a:spcPct val="10000"/>
              </a:spcBef>
              <a:buClr>
                <a:srgbClr val="000000"/>
              </a:buClr>
            </a:pPr>
            <a:r>
              <a:rPr lang="en-US" altLang="en-US" sz="1200" dirty="0" smtClean="0">
                <a:solidFill>
                  <a:srgbClr val="000000"/>
                </a:solidFill>
                <a:latin typeface="Arial Narrow" pitchFamily="34" charset="0"/>
                <a:ea typeface="ＭＳ Ｐゴシック" pitchFamily="34" charset="-128"/>
                <a:cs typeface="+mn-cs"/>
                <a:sym typeface="Symbol" pitchFamily="18" charset="2"/>
              </a:rPr>
              <a:t>Teledyne has 4 MBE machines for detector growth</a:t>
            </a:r>
            <a:endParaRPr lang="en-US" altLang="en-US" sz="1050" dirty="0" smtClean="0">
              <a:solidFill>
                <a:srgbClr val="000000"/>
              </a:solidFill>
              <a:latin typeface="Arial Narrow" pitchFamily="34" charset="0"/>
              <a:ea typeface="ＭＳ Ｐゴシック" pitchFamily="34" charset="-128"/>
              <a:cs typeface="+mn-cs"/>
            </a:endParaRPr>
          </a:p>
        </p:txBody>
      </p:sp>
      <p:sp>
        <p:nvSpPr>
          <p:cNvPr id="80904" name="Text Box 8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013159" y="5905831"/>
            <a:ext cx="2099828" cy="308769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algn="ctr"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RIBER 5-inch MBE System</a:t>
            </a:r>
          </a:p>
        </p:txBody>
      </p:sp>
      <p:sp>
        <p:nvSpPr>
          <p:cNvPr id="80910" name="Rectangle 14"/>
          <p:cNvSpPr>
            <a:spLocks noChangeArrowheads="1"/>
          </p:cNvSpPr>
          <p:nvPr/>
        </p:nvSpPr>
        <p:spPr bwMode="auto">
          <a:xfrm>
            <a:off x="591735" y="5681650"/>
            <a:ext cx="3733800" cy="378565"/>
          </a:xfrm>
          <a:prstGeom prst="rect">
            <a:avLst/>
          </a:prstGeom>
          <a:solidFill>
            <a:schemeClr val="bg2">
              <a:lumMod val="20000"/>
              <a:lumOff val="80000"/>
            </a:schemeClr>
          </a:solidFill>
          <a:ln w="9525">
            <a:solidFill>
              <a:schemeClr val="hlink"/>
            </a:solidFill>
            <a:miter lim="800000"/>
            <a:headEnd/>
            <a:tailEnd/>
          </a:ln>
        </p:spPr>
        <p:txBody>
          <a:bodyPr wrap="square" tIns="91440" bIns="91440">
            <a:spAutoFit/>
          </a:bodyPr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algn="ctr" eaLnBrk="0" hangingPunct="0">
              <a:lnSpc>
                <a:spcPct val="90000"/>
              </a:lnSpc>
              <a:spcBef>
                <a:spcPct val="50000"/>
              </a:spcBef>
              <a:buClr>
                <a:srgbClr val="000000"/>
              </a:buClr>
              <a:buFontTx/>
              <a:buNone/>
            </a:pPr>
            <a:r>
              <a:rPr lang="en-US" altLang="en-US" sz="1400" dirty="0" smtClean="0">
                <a:latin typeface="Calibri" pitchFamily="34" charset="0"/>
                <a:ea typeface="ＭＳ Ｐゴシック" pitchFamily="34" charset="-128"/>
                <a:cs typeface="Times New Roman" pitchFamily="18" charset="0"/>
              </a:rPr>
              <a:t>More than 10,000 HgCdTe wafers grown to date</a:t>
            </a:r>
          </a:p>
        </p:txBody>
      </p:sp>
      <p:pic>
        <p:nvPicPr>
          <p:cNvPr id="4099" name="Picture 3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15745" y="4502289"/>
            <a:ext cx="2294657" cy="1347330"/>
          </a:xfrm>
          <a:prstGeom prst="rect">
            <a:avLst/>
          </a:prstGeom>
          <a:noFill/>
          <a:ln w="38100">
            <a:solidFill>
              <a:srgbClr val="996633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7" name="TextBox 16"/>
          <p:cNvSpPr txBox="1"/>
          <p:nvPr/>
        </p:nvSpPr>
        <p:spPr>
          <a:xfrm>
            <a:off x="-22860" y="5137854"/>
            <a:ext cx="5181600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r>
              <a:rPr lang="en-US" sz="1400" b="1" dirty="0" smtClean="0">
                <a:solidFill>
                  <a:prstClr val="black"/>
                </a:solidFill>
                <a:latin typeface="Calibri"/>
                <a:ea typeface="ＭＳ Ｐゴシック" pitchFamily="34" charset="-128"/>
                <a:cs typeface="+mn-cs"/>
              </a:rPr>
              <a:t>Image of 7</a:t>
            </a:r>
            <a:r>
              <a:rPr lang="en-US" sz="1050" b="1" dirty="0" smtClean="0">
                <a:solidFill>
                  <a:prstClr val="black"/>
                </a:solidFill>
                <a:latin typeface="Calibri"/>
                <a:ea typeface="ＭＳ Ｐゴシック" pitchFamily="34" charset="-128"/>
                <a:cs typeface="+mn-cs"/>
              </a:rPr>
              <a:t>×</a:t>
            </a:r>
            <a:r>
              <a:rPr lang="en-US" sz="1400" b="1" dirty="0" smtClean="0">
                <a:solidFill>
                  <a:prstClr val="black"/>
                </a:solidFill>
                <a:latin typeface="Calibri"/>
                <a:ea typeface="ＭＳ Ｐゴシック" pitchFamily="34" charset="-128"/>
                <a:cs typeface="+mn-cs"/>
              </a:rPr>
              <a:t>7.5 cm HgCdTe layer grown in MBE-5</a:t>
            </a:r>
          </a:p>
          <a:p>
            <a:pPr algn="ctr" fontAlgn="auto">
              <a:spcBef>
                <a:spcPts val="0"/>
              </a:spcBef>
              <a:spcAft>
                <a:spcPts val="0"/>
              </a:spcAft>
            </a:pPr>
            <a:r>
              <a:rPr lang="en-US" sz="1400" i="1" dirty="0" smtClean="0">
                <a:solidFill>
                  <a:prstClr val="black"/>
                </a:solidFill>
                <a:latin typeface="Calibri"/>
                <a:ea typeface="ＭＳ Ｐゴシック" pitchFamily="34" charset="-128"/>
                <a:cs typeface="+mn-cs"/>
              </a:rPr>
              <a:t>The black featureless surface is an excellent sign of HgCdTe quality.</a:t>
            </a:r>
            <a:endParaRPr lang="en-US" sz="1400" i="1" dirty="0">
              <a:solidFill>
                <a:prstClr val="black"/>
              </a:solidFill>
              <a:latin typeface="Calibri"/>
              <a:ea typeface="ＭＳ Ｐゴシック" pitchFamily="34" charset="-128"/>
              <a:cs typeface="+mn-cs"/>
            </a:endParaRPr>
          </a:p>
        </p:txBody>
      </p:sp>
      <p:sp>
        <p:nvSpPr>
          <p:cNvPr id="19" name="Slide Number Placeholder 3"/>
          <p:cNvSpPr txBox="1">
            <a:spLocks/>
          </p:cNvSpPr>
          <p:nvPr/>
        </p:nvSpPr>
        <p:spPr>
          <a:xfrm>
            <a:off x="8748713" y="6600825"/>
            <a:ext cx="255587" cy="241300"/>
          </a:xfrm>
          <a:prstGeom prst="rect">
            <a:avLst/>
          </a:prstGeom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defPPr>
              <a:defRPr lang="en-US"/>
            </a:defPPr>
            <a:lvl1pPr algn="l" rtl="0" eaLnBrk="0" fontAlgn="base" hangingPunct="0">
              <a:spcBef>
                <a:spcPts val="1400"/>
              </a:spcBef>
              <a:spcAft>
                <a:spcPct val="0"/>
              </a:spcAft>
              <a:buClr>
                <a:srgbClr val="0A57A5"/>
              </a:buClr>
              <a:buSzPct val="100000"/>
              <a:buFont typeface="Times" pitchFamily="18" charset="0"/>
              <a:buChar char="•"/>
              <a:defRPr sz="2400" kern="1200">
                <a:solidFill>
                  <a:schemeClr val="tx1"/>
                </a:solidFill>
                <a:latin typeface="Arial Narrow Bold" pitchFamily="34" charset="0"/>
                <a:ea typeface="ＭＳ Ｐゴシック" pitchFamily="34" charset="-128"/>
                <a:cs typeface="+mn-cs"/>
                <a:sym typeface="Arial Narrow Bold" pitchFamily="34" charset="0"/>
              </a:defRPr>
            </a:lvl1pPr>
            <a:lvl2pPr marL="742950" indent="-285750" algn="l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0A57A5"/>
              </a:buClr>
              <a:buSzPct val="100000"/>
              <a:buFont typeface="Arial Narrow" pitchFamily="34" charset="0"/>
              <a:buChar char="–"/>
              <a:defRPr sz="2400" kern="1200">
                <a:solidFill>
                  <a:schemeClr val="tx1"/>
                </a:solidFill>
                <a:latin typeface="Arial Narrow Bold" pitchFamily="34" charset="0"/>
                <a:ea typeface="ＭＳ Ｐゴシック" pitchFamily="34" charset="-128"/>
                <a:cs typeface="+mn-cs"/>
                <a:sym typeface="Arial Narrow Bold" pitchFamily="34" charset="0"/>
              </a:defRPr>
            </a:lvl2pPr>
            <a:lvl3pPr marL="1143000" indent="-228600" algn="l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0A57A5"/>
              </a:buClr>
              <a:buSzPct val="100000"/>
              <a:buFont typeface="Times" pitchFamily="18" charset="0"/>
              <a:buChar char="•"/>
              <a:defRPr sz="2000" kern="1200">
                <a:solidFill>
                  <a:schemeClr val="tx1"/>
                </a:solidFill>
                <a:latin typeface="Arial Narrow Bold" pitchFamily="34" charset="0"/>
                <a:ea typeface="ＭＳ Ｐゴシック" pitchFamily="34" charset="-128"/>
                <a:cs typeface="+mn-cs"/>
                <a:sym typeface="Arial Narrow Bold" pitchFamily="34" charset="0"/>
              </a:defRPr>
            </a:lvl3pPr>
            <a:lvl4pPr marL="1600200" indent="-228600" algn="l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0A57A5"/>
              </a:buClr>
              <a:buSzPct val="100000"/>
              <a:buFont typeface="Arial Narrow" pitchFamily="34" charset="0"/>
              <a:buChar char="–"/>
              <a:defRPr kern="1200">
                <a:solidFill>
                  <a:schemeClr val="tx1"/>
                </a:solidFill>
                <a:latin typeface="Arial Narrow Bold" pitchFamily="34" charset="0"/>
                <a:ea typeface="ＭＳ Ｐゴシック" pitchFamily="34" charset="-128"/>
                <a:cs typeface="+mn-cs"/>
                <a:sym typeface="Arial Narrow Bold" pitchFamily="34" charset="0"/>
              </a:defRPr>
            </a:lvl4pPr>
            <a:lvl5pPr marL="2057400" indent="-228600" algn="l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0A57A5"/>
              </a:buClr>
              <a:buSzPct val="100000"/>
              <a:buFont typeface="Times" pitchFamily="18" charset="0"/>
              <a:buChar char="•"/>
              <a:defRPr kern="1200">
                <a:solidFill>
                  <a:schemeClr val="tx1"/>
                </a:solidFill>
                <a:latin typeface="Arial Narrow Bold" pitchFamily="34" charset="0"/>
                <a:ea typeface="ＭＳ Ｐゴシック" pitchFamily="34" charset="-128"/>
                <a:cs typeface="+mn-cs"/>
                <a:sym typeface="Arial Narrow Bold" pitchFamily="34" charset="0"/>
              </a:defRPr>
            </a:lvl5pPr>
            <a:lvl6pPr marL="2514600" indent="-228600" algn="l" defTabSz="914400" rtl="0" eaLnBrk="0" fontAlgn="base" latinLnBrk="0" hangingPunct="0">
              <a:spcBef>
                <a:spcPct val="0"/>
              </a:spcBef>
              <a:spcAft>
                <a:spcPct val="0"/>
              </a:spcAft>
              <a:buClr>
                <a:srgbClr val="0A57A5"/>
              </a:buClr>
              <a:buSzPct val="100000"/>
              <a:buFont typeface="Times" pitchFamily="18" charset="0"/>
              <a:buChar char="•"/>
              <a:defRPr kern="1200">
                <a:solidFill>
                  <a:schemeClr val="tx1"/>
                </a:solidFill>
                <a:latin typeface="Arial Narrow Bold" pitchFamily="34" charset="0"/>
                <a:ea typeface="ＭＳ Ｐゴシック" pitchFamily="34" charset="-128"/>
                <a:cs typeface="+mn-cs"/>
                <a:sym typeface="Arial Narrow Bold" pitchFamily="34" charset="0"/>
              </a:defRPr>
            </a:lvl6pPr>
            <a:lvl7pPr marL="2971800" indent="-228600" algn="l" defTabSz="914400" rtl="0" eaLnBrk="0" fontAlgn="base" latinLnBrk="0" hangingPunct="0">
              <a:spcBef>
                <a:spcPct val="0"/>
              </a:spcBef>
              <a:spcAft>
                <a:spcPct val="0"/>
              </a:spcAft>
              <a:buClr>
                <a:srgbClr val="0A57A5"/>
              </a:buClr>
              <a:buSzPct val="100000"/>
              <a:buFont typeface="Times" pitchFamily="18" charset="0"/>
              <a:buChar char="•"/>
              <a:defRPr kern="1200">
                <a:solidFill>
                  <a:schemeClr val="tx1"/>
                </a:solidFill>
                <a:latin typeface="Arial Narrow Bold" pitchFamily="34" charset="0"/>
                <a:ea typeface="ＭＳ Ｐゴシック" pitchFamily="34" charset="-128"/>
                <a:cs typeface="+mn-cs"/>
                <a:sym typeface="Arial Narrow Bold" pitchFamily="34" charset="0"/>
              </a:defRPr>
            </a:lvl7pPr>
            <a:lvl8pPr marL="3429000" indent="-228600" algn="l" defTabSz="914400" rtl="0" eaLnBrk="0" fontAlgn="base" latinLnBrk="0" hangingPunct="0">
              <a:spcBef>
                <a:spcPct val="0"/>
              </a:spcBef>
              <a:spcAft>
                <a:spcPct val="0"/>
              </a:spcAft>
              <a:buClr>
                <a:srgbClr val="0A57A5"/>
              </a:buClr>
              <a:buSzPct val="100000"/>
              <a:buFont typeface="Times" pitchFamily="18" charset="0"/>
              <a:buChar char="•"/>
              <a:defRPr kern="1200">
                <a:solidFill>
                  <a:schemeClr val="tx1"/>
                </a:solidFill>
                <a:latin typeface="Arial Narrow Bold" pitchFamily="34" charset="0"/>
                <a:ea typeface="ＭＳ Ｐゴシック" pitchFamily="34" charset="-128"/>
                <a:cs typeface="+mn-cs"/>
                <a:sym typeface="Arial Narrow Bold" pitchFamily="34" charset="0"/>
              </a:defRPr>
            </a:lvl8pPr>
            <a:lvl9pPr marL="3886200" indent="-228600" algn="l" defTabSz="914400" rtl="0" eaLnBrk="0" fontAlgn="base" latinLnBrk="0" hangingPunct="0">
              <a:spcBef>
                <a:spcPct val="0"/>
              </a:spcBef>
              <a:spcAft>
                <a:spcPct val="0"/>
              </a:spcAft>
              <a:buClr>
                <a:srgbClr val="0A57A5"/>
              </a:buClr>
              <a:buSzPct val="100000"/>
              <a:buFont typeface="Times" pitchFamily="18" charset="0"/>
              <a:buChar char="•"/>
              <a:defRPr kern="1200">
                <a:solidFill>
                  <a:schemeClr val="tx1"/>
                </a:solidFill>
                <a:latin typeface="Arial Narrow Bold" pitchFamily="34" charset="0"/>
                <a:ea typeface="ＭＳ Ｐゴシック" pitchFamily="34" charset="-128"/>
                <a:cs typeface="+mn-cs"/>
                <a:sym typeface="Arial Narrow Bold" pitchFamily="34" charset="0"/>
              </a:defRPr>
            </a:lvl9pPr>
          </a:lstStyle>
          <a:p>
            <a:pPr eaLnBrk="1" hangingPunct="1">
              <a:spcBef>
                <a:spcPct val="0"/>
              </a:spcBef>
              <a:buClrTx/>
              <a:buSzTx/>
              <a:buFontTx/>
              <a:buNone/>
            </a:pPr>
            <a:fld id="{B420E6D4-4162-4290-B6BA-26C26DB6AF88}" type="slidenum">
              <a:rPr lang="en-US" altLang="en-US" sz="1000" smtClean="0">
                <a:solidFill>
                  <a:srgbClr val="000000"/>
                </a:solidFill>
                <a:latin typeface="Arial" pitchFamily="34" charset="0"/>
                <a:sym typeface="Arial" pitchFamily="34" charset="0"/>
              </a:rPr>
              <a:pPr eaLnBrk="1" hangingPunct="1">
                <a:spcBef>
                  <a:spcPct val="0"/>
                </a:spcBef>
                <a:buClrTx/>
                <a:buSzTx/>
                <a:buFontTx/>
                <a:buNone/>
              </a:pPr>
              <a:t>3</a:t>
            </a:fld>
            <a:endParaRPr lang="en-US" altLang="en-US" sz="1000" smtClean="0">
              <a:solidFill>
                <a:srgbClr val="000000"/>
              </a:solidFill>
              <a:latin typeface="Arial" pitchFamily="34" charset="0"/>
              <a:sym typeface="Arial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1255" y="1471296"/>
            <a:ext cx="3733800" cy="3558973"/>
          </a:xfrm>
          <a:prstGeom prst="rect">
            <a:avLst/>
          </a:prstGeom>
        </p:spPr>
      </p:pic>
      <p:graphicFrame>
        <p:nvGraphicFramePr>
          <p:cNvPr id="3" name="Tab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324081227"/>
              </p:ext>
            </p:extLst>
          </p:nvPr>
        </p:nvGraphicFramePr>
        <p:xfrm>
          <a:off x="5334000" y="3126861"/>
          <a:ext cx="3180378" cy="133545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54811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69683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93542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19757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 dirty="0" smtClean="0">
                          <a:effectLst/>
                        </a:rPr>
                        <a:t>   Key </a:t>
                      </a:r>
                      <a:r>
                        <a:rPr lang="en-US" sz="1100" u="none" strike="noStrike" dirty="0">
                          <a:effectLst/>
                        </a:rPr>
                        <a:t>Growth Parameters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 smtClean="0">
                          <a:effectLst/>
                        </a:rPr>
                        <a:t>Unit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bg2">
                        <a:lumMod val="40000"/>
                        <a:lumOff val="6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38565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 dirty="0" smtClean="0">
                          <a:effectLst/>
                        </a:rPr>
                        <a:t>   Etch </a:t>
                      </a:r>
                      <a:r>
                        <a:rPr lang="en-US" sz="1100" u="none" strike="noStrike" dirty="0">
                          <a:effectLst/>
                        </a:rPr>
                        <a:t>Pit Density 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 smtClean="0">
                          <a:effectLst/>
                        </a:rPr>
                        <a:t>cm</a:t>
                      </a:r>
                      <a:r>
                        <a:rPr lang="en-US" sz="1100" u="none" strike="noStrike" baseline="30000" dirty="0" smtClean="0">
                          <a:effectLst/>
                        </a:rPr>
                        <a:t>-2</a:t>
                      </a:r>
                      <a:endParaRPr lang="en-US" sz="1100" b="0" i="0" u="none" strike="noStrike" baseline="30000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 smtClean="0">
                          <a:effectLst/>
                        </a:rPr>
                        <a:t>&lt; 1E5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38565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 dirty="0" smtClean="0">
                          <a:effectLst/>
                        </a:rPr>
                        <a:t>   Carrier </a:t>
                      </a:r>
                      <a:r>
                        <a:rPr lang="en-US" sz="1100" u="none" strike="noStrike" dirty="0">
                          <a:effectLst/>
                        </a:rPr>
                        <a:t>Concentration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 smtClean="0">
                          <a:effectLst/>
                        </a:rPr>
                        <a:t>cm</a:t>
                      </a:r>
                      <a:r>
                        <a:rPr lang="en-US" sz="1100" u="none" strike="noStrike" baseline="30000" dirty="0" smtClean="0">
                          <a:effectLst/>
                        </a:rPr>
                        <a:t>-3</a:t>
                      </a:r>
                      <a:endParaRPr lang="en-US" sz="1100" b="0" i="0" u="none" strike="noStrike" baseline="30000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>
                          <a:effectLst/>
                        </a:rPr>
                        <a:t>1.E+15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38565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u="none" strike="noStrike" dirty="0" smtClean="0">
                          <a:effectLst/>
                        </a:rPr>
                        <a:t>   Micro </a:t>
                      </a:r>
                      <a:r>
                        <a:rPr lang="en-US" sz="1100" u="none" strike="noStrike" dirty="0">
                          <a:effectLst/>
                        </a:rPr>
                        <a:t>Defect Density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>
                          <a:effectLst/>
                        </a:rPr>
                        <a:t>cm</a:t>
                      </a:r>
                      <a:r>
                        <a:rPr lang="en-US" sz="1100" u="none" strike="noStrike" baseline="30000" dirty="0">
                          <a:effectLst/>
                        </a:rPr>
                        <a:t>-2</a:t>
                      </a:r>
                      <a:endParaRPr lang="en-US" sz="1100" b="0" i="0" u="none" strike="noStrike" baseline="30000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u="none" strike="noStrike" dirty="0" smtClean="0">
                          <a:effectLst/>
                        </a:rPr>
                        <a:t>&lt; 1E4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Calibri"/>
                      </a:endParaRPr>
                    </a:p>
                  </a:txBody>
                  <a:tcPr marL="7620" marR="7620" marT="7620" marB="0" anchor="ctr"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61048990"/>
              </p:ext>
            </p:extLst>
          </p:nvPr>
        </p:nvGraphicFramePr>
        <p:xfrm>
          <a:off x="4800600" y="902104"/>
          <a:ext cx="4267200" cy="2187548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4267200">
                  <a:extLst>
                    <a:ext uri="{9D8B030D-6E8A-4147-A177-3AD203B41FA5}">
                      <a16:colId xmlns:a16="http://schemas.microsoft.com/office/drawing/2014/main" val="2077579308"/>
                    </a:ext>
                  </a:extLst>
                </a:gridCol>
              </a:tblGrid>
              <a:tr h="2187548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600"/>
                        </a:spcAft>
                      </a:pPr>
                      <a:r>
                        <a:rPr lang="en-US" sz="1100" dirty="0">
                          <a:effectLst/>
                        </a:rPr>
                        <a:t> </a:t>
                      </a:r>
                      <a:endParaRPr lang="en-US" sz="1100" dirty="0">
                        <a:effectLst/>
                        <a:latin typeface="Times New Roman" panose="02020603050405020304" pitchFamily="18" charset="0"/>
                        <a:ea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extLst>
                  <a:ext uri="{0D108BD9-81ED-4DB2-BD59-A6C34878D82A}">
                    <a16:rowId xmlns:a16="http://schemas.microsoft.com/office/drawing/2014/main" val="2153745764"/>
                  </a:ext>
                </a:extLst>
              </a:tr>
            </a:tbl>
          </a:graphicData>
        </a:graphic>
      </p:graphicFrame>
      <p:graphicFrame>
        <p:nvGraphicFramePr>
          <p:cNvPr id="5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117337031"/>
              </p:ext>
            </p:extLst>
          </p:nvPr>
        </p:nvGraphicFramePr>
        <p:xfrm>
          <a:off x="4800600" y="1123082"/>
          <a:ext cx="1912938" cy="18827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5967" name="Picture" r:id="rId7" imgW="1899138" imgH="1879042" progId="Word.Picture.8">
                  <p:embed/>
                </p:oleObj>
              </mc:Choice>
              <mc:Fallback>
                <p:oleObj name="Picture" r:id="rId7" imgW="1899138" imgH="1879042" progId="Word.Picture.8">
                  <p:embed/>
                  <p:pic>
                    <p:nvPicPr>
                      <p:cNvPr id="0" name="Object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800600" y="1123082"/>
                        <a:ext cx="1912938" cy="1882775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95937" name="Picture 5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553200" y="1106149"/>
            <a:ext cx="2514600" cy="17526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Rectangle 3"/>
          <p:cNvSpPr>
            <a:spLocks noChangeArrowheads="1"/>
          </p:cNvSpPr>
          <p:nvPr/>
        </p:nvSpPr>
        <p:spPr bwMode="auto">
          <a:xfrm>
            <a:off x="5915745" y="1006476"/>
            <a:ext cx="914400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981772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28600" y="-76200"/>
            <a:ext cx="8458200" cy="685800"/>
          </a:xfrm>
        </p:spPr>
        <p:txBody>
          <a:bodyPr/>
          <a:lstStyle/>
          <a:p>
            <a:r>
              <a:rPr lang="en-US" sz="3200" b="1" kern="1200" dirty="0">
                <a:latin typeface="Calibri" pitchFamily="34" charset="0"/>
                <a:cs typeface="ＭＳ Ｐゴシック"/>
              </a:rPr>
              <a:t>H4RG-15 ROIC Features</a:t>
            </a:r>
          </a:p>
        </p:txBody>
      </p:sp>
      <p:pic>
        <p:nvPicPr>
          <p:cNvPr id="25" name="Picture 8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48400" y="153670"/>
            <a:ext cx="2663825" cy="20097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99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FF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grpSp>
        <p:nvGrpSpPr>
          <p:cNvPr id="12" name="Group 127"/>
          <p:cNvGrpSpPr>
            <a:grpSpLocks/>
          </p:cNvGrpSpPr>
          <p:nvPr/>
        </p:nvGrpSpPr>
        <p:grpSpPr bwMode="auto">
          <a:xfrm>
            <a:off x="2869640" y="570072"/>
            <a:ext cx="685800" cy="489426"/>
            <a:chOff x="528" y="806"/>
            <a:chExt cx="649" cy="509"/>
          </a:xfrm>
        </p:grpSpPr>
        <p:pic>
          <p:nvPicPr>
            <p:cNvPr id="13" name="Picture 7" descr="H1RG_top"/>
            <p:cNvPicPr>
              <a:picLocks noChangeAspect="1" noChangeArrowheads="1"/>
            </p:cNvPicPr>
            <p:nvPr/>
          </p:nvPicPr>
          <p:blipFill>
            <a:blip r:embed="rId5" cstate="print">
              <a:lum bright="18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72" y="816"/>
              <a:ext cx="605" cy="499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14" name="Text Box 11"/>
            <p:cNvSpPr txBox="1">
              <a:spLocks noChangeArrowheads="1"/>
            </p:cNvSpPr>
            <p:nvPr/>
          </p:nvSpPr>
          <p:spPr bwMode="auto">
            <a:xfrm>
              <a:off x="528" y="806"/>
              <a:ext cx="369" cy="208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FF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>
              <a:lvl1pPr>
                <a:spcBef>
                  <a:spcPct val="50000"/>
                </a:spcBef>
                <a:buClr>
                  <a:srgbClr val="0A57A5"/>
                </a:buClr>
                <a:buFont typeface="Times" pitchFamily="18" charset="0"/>
                <a:buChar char="•"/>
                <a:defRPr sz="24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1pPr>
              <a:lvl2pPr marL="742950" indent="-285750">
                <a:buClr>
                  <a:srgbClr val="0A57A5"/>
                </a:buClr>
                <a:buChar char="–"/>
                <a:defRPr sz="24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2pPr>
              <a:lvl3pPr marL="1143000" indent="-228600">
                <a:buClr>
                  <a:srgbClr val="0A57A5"/>
                </a:buClr>
                <a:buFont typeface="Times" pitchFamily="18" charset="0"/>
                <a:buChar char="•"/>
                <a:defRPr sz="20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3pPr>
              <a:lvl4pPr marL="1600200" indent="-228600">
                <a:buClr>
                  <a:srgbClr val="0A57A5"/>
                </a:buClr>
                <a:buChar char="–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4pPr>
              <a:lvl5pPr marL="2057400" indent="-228600"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9pPr>
            </a:lstStyle>
            <a:p>
              <a:pPr>
                <a:spcBef>
                  <a:spcPct val="0"/>
                </a:spcBef>
                <a:buClrTx/>
                <a:buFontTx/>
                <a:buNone/>
              </a:pPr>
              <a:r>
                <a:rPr lang="en-US" altLang="en-US" sz="700" dirty="0"/>
                <a:t>H</a:t>
              </a:r>
              <a:r>
                <a:rPr lang="en-US" altLang="en-US" sz="700" dirty="0">
                  <a:solidFill>
                    <a:schemeClr val="tx2"/>
                  </a:solidFill>
                </a:rPr>
                <a:t>1</a:t>
              </a:r>
              <a:r>
                <a:rPr lang="en-US" altLang="en-US" sz="700" dirty="0"/>
                <a:t>RG</a:t>
              </a:r>
            </a:p>
          </p:txBody>
        </p:sp>
      </p:grpSp>
      <p:grpSp>
        <p:nvGrpSpPr>
          <p:cNvPr id="15" name="Group 126"/>
          <p:cNvGrpSpPr>
            <a:grpSpLocks/>
          </p:cNvGrpSpPr>
          <p:nvPr/>
        </p:nvGrpSpPr>
        <p:grpSpPr bwMode="auto">
          <a:xfrm>
            <a:off x="3558540" y="456802"/>
            <a:ext cx="760316" cy="609794"/>
            <a:chOff x="480" y="1365"/>
            <a:chExt cx="684" cy="725"/>
          </a:xfrm>
        </p:grpSpPr>
        <p:pic>
          <p:nvPicPr>
            <p:cNvPr id="16" name="Picture 8" descr="DSC_0105"/>
            <p:cNvPicPr>
              <a:picLocks noChangeAspect="1" noChangeArrowheads="1"/>
            </p:cNvPicPr>
            <p:nvPr/>
          </p:nvPicPr>
          <p:blipFill>
            <a:blip r:embed="rId6" cstate="print">
              <a:lum bright="12000" contrast="6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51" y="1365"/>
              <a:ext cx="613" cy="725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17" name="Text Box 12"/>
            <p:cNvSpPr txBox="1">
              <a:spLocks noChangeArrowheads="1"/>
            </p:cNvSpPr>
            <p:nvPr/>
          </p:nvSpPr>
          <p:spPr bwMode="auto">
            <a:xfrm>
              <a:off x="480" y="1382"/>
              <a:ext cx="377" cy="25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FF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>
              <a:lvl1pPr>
                <a:spcBef>
                  <a:spcPct val="50000"/>
                </a:spcBef>
                <a:buClr>
                  <a:srgbClr val="0A57A5"/>
                </a:buClr>
                <a:buFont typeface="Times" pitchFamily="18" charset="0"/>
                <a:buChar char="•"/>
                <a:defRPr sz="24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1pPr>
              <a:lvl2pPr marL="742950" indent="-285750">
                <a:buClr>
                  <a:srgbClr val="0A57A5"/>
                </a:buClr>
                <a:buChar char="–"/>
                <a:defRPr sz="24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2pPr>
              <a:lvl3pPr marL="1143000" indent="-228600">
                <a:buClr>
                  <a:srgbClr val="0A57A5"/>
                </a:buClr>
                <a:buFont typeface="Times" pitchFamily="18" charset="0"/>
                <a:buChar char="•"/>
                <a:defRPr sz="20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3pPr>
              <a:lvl4pPr marL="1600200" indent="-228600">
                <a:buClr>
                  <a:srgbClr val="0A57A5"/>
                </a:buClr>
                <a:buChar char="–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4pPr>
              <a:lvl5pPr marL="2057400" indent="-228600"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9pPr>
            </a:lstStyle>
            <a:p>
              <a:pPr>
                <a:spcBef>
                  <a:spcPct val="0"/>
                </a:spcBef>
                <a:buClrTx/>
                <a:buFontTx/>
                <a:buNone/>
              </a:pPr>
              <a:r>
                <a:rPr lang="en-US" altLang="en-US" sz="800" dirty="0"/>
                <a:t>H</a:t>
              </a:r>
              <a:r>
                <a:rPr lang="en-US" altLang="en-US" sz="800" dirty="0">
                  <a:solidFill>
                    <a:schemeClr val="tx2"/>
                  </a:solidFill>
                </a:rPr>
                <a:t>2</a:t>
              </a:r>
              <a:r>
                <a:rPr lang="en-US" altLang="en-US" sz="800" dirty="0"/>
                <a:t>RG</a:t>
              </a:r>
            </a:p>
          </p:txBody>
        </p:sp>
      </p:grpSp>
      <p:grpSp>
        <p:nvGrpSpPr>
          <p:cNvPr id="19" name="Group 130"/>
          <p:cNvGrpSpPr>
            <a:grpSpLocks/>
          </p:cNvGrpSpPr>
          <p:nvPr/>
        </p:nvGrpSpPr>
        <p:grpSpPr bwMode="auto">
          <a:xfrm>
            <a:off x="5186777" y="152400"/>
            <a:ext cx="968437" cy="917337"/>
            <a:chOff x="356" y="2829"/>
            <a:chExt cx="1026" cy="963"/>
          </a:xfrm>
        </p:grpSpPr>
        <p:pic>
          <p:nvPicPr>
            <p:cNvPr id="26" name="Picture 122" descr="H4RG-15_FrontBack_2948"/>
            <p:cNvPicPr>
              <a:picLocks noChangeAspect="1" noChangeArrowheads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10722" r="46062" b="10107"/>
            <a:stretch>
              <a:fillRect/>
            </a:stretch>
          </p:blipFill>
          <p:spPr bwMode="auto">
            <a:xfrm>
              <a:off x="360" y="2880"/>
              <a:ext cx="1022" cy="912"/>
            </a:xfrm>
            <a:prstGeom prst="rect">
              <a:avLst/>
            </a:prstGeom>
            <a:noFill/>
            <a:ln w="9525">
              <a:solidFill>
                <a:schemeClr val="tx1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27" name="Text Box 14"/>
            <p:cNvSpPr txBox="1">
              <a:spLocks noChangeArrowheads="1"/>
            </p:cNvSpPr>
            <p:nvPr/>
          </p:nvSpPr>
          <p:spPr bwMode="auto">
            <a:xfrm>
              <a:off x="356" y="2829"/>
              <a:ext cx="607" cy="22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FF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>
              <a:lvl1pPr>
                <a:spcBef>
                  <a:spcPct val="50000"/>
                </a:spcBef>
                <a:buClr>
                  <a:srgbClr val="0A57A5"/>
                </a:buClr>
                <a:buFont typeface="Times" pitchFamily="18" charset="0"/>
                <a:buChar char="•"/>
                <a:defRPr sz="24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1pPr>
              <a:lvl2pPr marL="742950" indent="-285750">
                <a:buClr>
                  <a:srgbClr val="0A57A5"/>
                </a:buClr>
                <a:buChar char="–"/>
                <a:defRPr sz="24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2pPr>
              <a:lvl3pPr marL="1143000" indent="-228600">
                <a:buClr>
                  <a:srgbClr val="0A57A5"/>
                </a:buClr>
                <a:buFont typeface="Times" pitchFamily="18" charset="0"/>
                <a:buChar char="•"/>
                <a:defRPr sz="20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3pPr>
              <a:lvl4pPr marL="1600200" indent="-228600">
                <a:buClr>
                  <a:srgbClr val="0A57A5"/>
                </a:buClr>
                <a:buChar char="–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4pPr>
              <a:lvl5pPr marL="2057400" indent="-228600"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9pPr>
            </a:lstStyle>
            <a:p>
              <a:pPr>
                <a:spcBef>
                  <a:spcPct val="0"/>
                </a:spcBef>
                <a:buClrTx/>
                <a:buFontTx/>
                <a:buNone/>
              </a:pPr>
              <a:r>
                <a:rPr lang="en-US" altLang="en-US" sz="800" dirty="0"/>
                <a:t>H4RG-15</a:t>
              </a:r>
            </a:p>
          </p:txBody>
        </p:sp>
      </p:grpSp>
      <p:grpSp>
        <p:nvGrpSpPr>
          <p:cNvPr id="28" name="Group 129"/>
          <p:cNvGrpSpPr>
            <a:grpSpLocks/>
          </p:cNvGrpSpPr>
          <p:nvPr/>
        </p:nvGrpSpPr>
        <p:grpSpPr bwMode="auto">
          <a:xfrm>
            <a:off x="4381500" y="307420"/>
            <a:ext cx="876315" cy="762318"/>
            <a:chOff x="864" y="2072"/>
            <a:chExt cx="954" cy="760"/>
          </a:xfrm>
        </p:grpSpPr>
        <p:grpSp>
          <p:nvGrpSpPr>
            <p:cNvPr id="29" name="Group 128"/>
            <p:cNvGrpSpPr>
              <a:grpSpLocks/>
            </p:cNvGrpSpPr>
            <p:nvPr/>
          </p:nvGrpSpPr>
          <p:grpSpPr bwMode="auto">
            <a:xfrm>
              <a:off x="864" y="2112"/>
              <a:ext cx="816" cy="720"/>
              <a:chOff x="432" y="2121"/>
              <a:chExt cx="816" cy="720"/>
            </a:xfrm>
          </p:grpSpPr>
          <p:pic>
            <p:nvPicPr>
              <p:cNvPr id="31" name="Picture 123" descr="H4RG-10_frontback"/>
              <p:cNvPicPr>
                <a:picLocks noChangeAspect="1" noChangeArrowheads="1"/>
              </p:cNvPicPr>
              <p:nvPr/>
            </p:nvPicPr>
            <p:blipFill>
              <a:blip r:embed="rId8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1991" t="4033" r="42595" b="25230"/>
              <a:stretch>
                <a:fillRect/>
              </a:stretch>
            </p:blipFill>
            <p:spPr bwMode="auto">
              <a:xfrm>
                <a:off x="432" y="2142"/>
                <a:ext cx="812" cy="69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</p:pic>
          <p:sp>
            <p:nvSpPr>
              <p:cNvPr id="32" name="AutoShape 124"/>
              <p:cNvSpPr>
                <a:spLocks noChangeArrowheads="1"/>
              </p:cNvSpPr>
              <p:nvPr/>
            </p:nvSpPr>
            <p:spPr bwMode="auto">
              <a:xfrm flipH="1">
                <a:off x="1038" y="2400"/>
                <a:ext cx="207" cy="432"/>
              </a:xfrm>
              <a:prstGeom prst="rtTriangle">
                <a:avLst/>
              </a:prstGeom>
              <a:solidFill>
                <a:srgbClr val="F8F8F8"/>
              </a:solidFill>
              <a:ln>
                <a:noFill/>
              </a:ln>
              <a:effectLst/>
              <a:extLst>
                <a:ext uri="{91240B29-F687-4F45-9708-019B960494DF}">
                  <a14:hiddenLine xmlns:a14="http://schemas.microsoft.com/office/drawing/2010/main" w="9525">
                    <a:solidFill>
                      <a:srgbClr val="FF0000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>
                <a:lvl1pPr>
                  <a:spcBef>
                    <a:spcPct val="50000"/>
                  </a:spcBef>
                  <a:buClr>
                    <a:srgbClr val="0A57A5"/>
                  </a:buClr>
                  <a:buFont typeface="Times" pitchFamily="18" charset="0"/>
                  <a:buChar char="•"/>
                  <a:defRPr sz="2400"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1pPr>
                <a:lvl2pPr marL="742950" indent="-285750">
                  <a:buClr>
                    <a:srgbClr val="0A57A5"/>
                  </a:buClr>
                  <a:buChar char="–"/>
                  <a:defRPr sz="2400"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2pPr>
                <a:lvl3pPr marL="1143000" indent="-228600">
                  <a:buClr>
                    <a:srgbClr val="0A57A5"/>
                  </a:buClr>
                  <a:buFont typeface="Times" pitchFamily="18" charset="0"/>
                  <a:buChar char="•"/>
                  <a:defRPr sz="2000"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3pPr>
                <a:lvl4pPr marL="1600200" indent="-228600">
                  <a:buClr>
                    <a:srgbClr val="0A57A5"/>
                  </a:buClr>
                  <a:buChar char="–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4pPr>
                <a:lvl5pPr marL="2057400" indent="-228600"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9pPr>
              </a:lstStyle>
              <a:p>
                <a:pPr>
                  <a:spcBef>
                    <a:spcPct val="0"/>
                  </a:spcBef>
                  <a:buClrTx/>
                  <a:buFontTx/>
                  <a:buNone/>
                </a:pPr>
                <a:endParaRPr lang="en-US" altLang="en-US" sz="1400"/>
              </a:p>
            </p:txBody>
          </p:sp>
          <p:sp>
            <p:nvSpPr>
              <p:cNvPr id="33" name="Rectangle 125"/>
              <p:cNvSpPr>
                <a:spLocks noChangeArrowheads="1"/>
              </p:cNvSpPr>
              <p:nvPr/>
            </p:nvSpPr>
            <p:spPr bwMode="auto">
              <a:xfrm>
                <a:off x="432" y="2121"/>
                <a:ext cx="816" cy="720"/>
              </a:xfrm>
              <a:prstGeom prst="rect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99"/>
                    </a:solidFill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>
                <a:lvl1pPr>
                  <a:spcBef>
                    <a:spcPct val="50000"/>
                  </a:spcBef>
                  <a:buClr>
                    <a:srgbClr val="0A57A5"/>
                  </a:buClr>
                  <a:buFont typeface="Times" pitchFamily="18" charset="0"/>
                  <a:buChar char="•"/>
                  <a:defRPr sz="2400"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1pPr>
                <a:lvl2pPr marL="742950" indent="-285750">
                  <a:buClr>
                    <a:srgbClr val="0A57A5"/>
                  </a:buClr>
                  <a:buChar char="–"/>
                  <a:defRPr sz="2400"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2pPr>
                <a:lvl3pPr marL="1143000" indent="-228600">
                  <a:buClr>
                    <a:srgbClr val="0A57A5"/>
                  </a:buClr>
                  <a:buFont typeface="Times" pitchFamily="18" charset="0"/>
                  <a:buChar char="•"/>
                  <a:defRPr sz="2000"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3pPr>
                <a:lvl4pPr marL="1600200" indent="-228600">
                  <a:buClr>
                    <a:srgbClr val="0A57A5"/>
                  </a:buClr>
                  <a:buChar char="–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4pPr>
                <a:lvl5pPr marL="2057400" indent="-228600"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9pPr>
              </a:lstStyle>
              <a:p>
                <a:pPr>
                  <a:spcBef>
                    <a:spcPct val="0"/>
                  </a:spcBef>
                  <a:buClrTx/>
                  <a:buFontTx/>
                  <a:buNone/>
                </a:pPr>
                <a:endParaRPr lang="en-US" altLang="en-US" sz="1400"/>
              </a:p>
            </p:txBody>
          </p:sp>
        </p:grpSp>
        <p:sp>
          <p:nvSpPr>
            <p:cNvPr id="30" name="Text Box 13"/>
            <p:cNvSpPr txBox="1">
              <a:spLocks noChangeArrowheads="1"/>
            </p:cNvSpPr>
            <p:nvPr/>
          </p:nvSpPr>
          <p:spPr bwMode="auto">
            <a:xfrm>
              <a:off x="1192" y="2072"/>
              <a:ext cx="626" cy="26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99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FF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>
              <a:lvl1pPr>
                <a:spcBef>
                  <a:spcPct val="50000"/>
                </a:spcBef>
                <a:buClr>
                  <a:srgbClr val="0A57A5"/>
                </a:buClr>
                <a:buFont typeface="Times" pitchFamily="18" charset="0"/>
                <a:buChar char="•"/>
                <a:defRPr sz="24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1pPr>
              <a:lvl2pPr marL="742950" indent="-285750">
                <a:buClr>
                  <a:srgbClr val="0A57A5"/>
                </a:buClr>
                <a:buChar char="–"/>
                <a:defRPr sz="24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2pPr>
              <a:lvl3pPr marL="1143000" indent="-228600">
                <a:buClr>
                  <a:srgbClr val="0A57A5"/>
                </a:buClr>
                <a:buFont typeface="Times" pitchFamily="18" charset="0"/>
                <a:buChar char="•"/>
                <a:defRPr sz="2000"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3pPr>
              <a:lvl4pPr marL="1600200" indent="-228600">
                <a:buClr>
                  <a:srgbClr val="0A57A5"/>
                </a:buClr>
                <a:buChar char="–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4pPr>
              <a:lvl5pPr marL="2057400" indent="-228600"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buClr>
                  <a:srgbClr val="0A57A5"/>
                </a:buClr>
                <a:buFont typeface="Times" pitchFamily="18" charset="0"/>
                <a:buChar char="•"/>
                <a:defRPr b="1">
                  <a:solidFill>
                    <a:schemeClr val="tx1"/>
                  </a:solidFill>
                  <a:latin typeface="Arial Narrow" pitchFamily="34" charset="0"/>
                  <a:ea typeface="ＭＳ Ｐゴシック" pitchFamily="34" charset="-128"/>
                </a:defRPr>
              </a:lvl9pPr>
            </a:lstStyle>
            <a:p>
              <a:pPr>
                <a:spcBef>
                  <a:spcPct val="0"/>
                </a:spcBef>
                <a:buClrTx/>
                <a:buFontTx/>
                <a:buNone/>
              </a:pPr>
              <a:r>
                <a:rPr lang="en-US" altLang="en-US" sz="800" dirty="0"/>
                <a:t>H4RG-10</a:t>
              </a:r>
            </a:p>
          </p:txBody>
        </p:sp>
      </p:grpSp>
      <p:grpSp>
        <p:nvGrpSpPr>
          <p:cNvPr id="3" name="Group 2"/>
          <p:cNvGrpSpPr/>
          <p:nvPr/>
        </p:nvGrpSpPr>
        <p:grpSpPr>
          <a:xfrm>
            <a:off x="228600" y="1095375"/>
            <a:ext cx="8839200" cy="5183006"/>
            <a:chOff x="228600" y="1095375"/>
            <a:chExt cx="8839200" cy="5183006"/>
          </a:xfrm>
        </p:grpSpPr>
        <p:graphicFrame>
          <p:nvGraphicFramePr>
            <p:cNvPr id="20" name="Object 1"/>
            <p:cNvGraphicFramePr>
              <a:graphicFrameLocks noChangeAspect="1"/>
            </p:cNvGraphicFramePr>
            <p:nvPr>
              <p:extLst>
                <p:ext uri="{D42A27DB-BD31-4B8C-83A1-F6EECF244321}">
                  <p14:modId xmlns:p14="http://schemas.microsoft.com/office/powerpoint/2010/main" val="2867091983"/>
                </p:ext>
              </p:extLst>
            </p:nvPr>
          </p:nvGraphicFramePr>
          <p:xfrm>
            <a:off x="228600" y="1095375"/>
            <a:ext cx="5715000" cy="3598863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294123" name="Worksheet" r:id="rId9" imgW="10182129" imgH="6410425" progId="Excel.Sheet.8">
                    <p:embed/>
                  </p:oleObj>
                </mc:Choice>
                <mc:Fallback>
                  <p:oleObj name="Worksheet" r:id="rId9" imgW="10182129" imgH="6410425" progId="Excel.Sheet.8">
                    <p:embed/>
                    <p:pic>
                      <p:nvPicPr>
                        <p:cNvPr id="0" name="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10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228600" y="1095375"/>
                          <a:ext cx="5715000" cy="3598863"/>
                        </a:xfrm>
                        <a:prstGeom prst="rect">
                          <a:avLst/>
                        </a:prstGeom>
                        <a:noFill/>
                        <a:ln>
                          <a:noFill/>
                        </a:ln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  <a:ext uri="{91240B29-F687-4F45-9708-019B960494DF}">
                            <a14:hiddenLine xmlns:a14="http://schemas.microsoft.com/office/drawing/2010/main" w="9525">
                              <a:solidFill>
                                <a:srgbClr val="000000"/>
                              </a:solidFill>
                              <a:miter lim="800000"/>
                              <a:headEnd/>
                              <a:tailEnd/>
                            </a14:hiddenLine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grpSp>
          <p:nvGrpSpPr>
            <p:cNvPr id="21" name="Group 20"/>
            <p:cNvGrpSpPr>
              <a:grpSpLocks/>
            </p:cNvGrpSpPr>
            <p:nvPr/>
          </p:nvGrpSpPr>
          <p:grpSpPr bwMode="auto">
            <a:xfrm>
              <a:off x="238926" y="2239781"/>
              <a:ext cx="8600273" cy="4038600"/>
              <a:chOff x="238934" y="2057820"/>
              <a:chExt cx="8599812" cy="4037260"/>
            </a:xfrm>
          </p:grpSpPr>
          <p:sp>
            <p:nvSpPr>
              <p:cNvPr id="22" name="Rectangle 30"/>
              <p:cNvSpPr txBox="1">
                <a:spLocks noChangeArrowheads="1"/>
              </p:cNvSpPr>
              <p:nvPr/>
            </p:nvSpPr>
            <p:spPr bwMode="auto">
              <a:xfrm>
                <a:off x="5943303" y="2057820"/>
                <a:ext cx="2895443" cy="403726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/>
              <a:lstStyle>
                <a:lvl1pPr marL="342900" indent="-342900">
                  <a:spcBef>
                    <a:spcPct val="50000"/>
                  </a:spcBef>
                  <a:buClr>
                    <a:srgbClr val="0A57A5"/>
                  </a:buClr>
                  <a:buFont typeface="Times" pitchFamily="18" charset="0"/>
                  <a:buChar char="•"/>
                  <a:defRPr sz="2400"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1pPr>
                <a:lvl2pPr marL="742950" indent="-285750">
                  <a:buClr>
                    <a:srgbClr val="0A57A5"/>
                  </a:buClr>
                  <a:buChar char="–"/>
                  <a:defRPr sz="2400"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2pPr>
                <a:lvl3pPr marL="1143000" indent="-228600">
                  <a:buClr>
                    <a:srgbClr val="0A57A5"/>
                  </a:buClr>
                  <a:buFont typeface="Times" pitchFamily="18" charset="0"/>
                  <a:buChar char="•"/>
                  <a:defRPr sz="2000"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3pPr>
                <a:lvl4pPr marL="1600200" indent="-228600">
                  <a:buClr>
                    <a:srgbClr val="0A57A5"/>
                  </a:buClr>
                  <a:buChar char="–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4pPr>
                <a:lvl5pPr marL="2057400" indent="-228600"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buClr>
                    <a:srgbClr val="0A57A5"/>
                  </a:buClr>
                  <a:buFont typeface="Times" pitchFamily="18" charset="0"/>
                  <a:buChar char="•"/>
                  <a:defRPr b="1">
                    <a:solidFill>
                      <a:schemeClr val="tx1"/>
                    </a:solidFill>
                    <a:latin typeface="Arial Narrow" pitchFamily="34" charset="0"/>
                    <a:ea typeface="ＭＳ Ｐゴシック" pitchFamily="34" charset="-128"/>
                  </a:defRPr>
                </a:lvl9pPr>
              </a:lstStyle>
              <a:p>
                <a:r>
                  <a:rPr lang="en-US" altLang="en-US" sz="1400" dirty="0" smtClean="0"/>
                  <a:t>Preserved </a:t>
                </a:r>
                <a:r>
                  <a:rPr lang="en-US" altLang="en-US" sz="1400" dirty="0"/>
                  <a:t>established features and performance of the H1RG and the H2RG</a:t>
                </a:r>
              </a:p>
              <a:p>
                <a:r>
                  <a:rPr lang="en-US" altLang="en-US" sz="1400" dirty="0" smtClean="0"/>
                  <a:t>Add </a:t>
                </a:r>
                <a:r>
                  <a:rPr lang="en-US" altLang="en-US" sz="1400" dirty="0"/>
                  <a:t>functionality and </a:t>
                </a:r>
                <a:r>
                  <a:rPr lang="en-US" altLang="en-US" sz="1400" dirty="0" smtClean="0"/>
                  <a:t>improved performance</a:t>
                </a:r>
              </a:p>
              <a:p>
                <a:r>
                  <a:rPr lang="en-US" sz="1400" dirty="0"/>
                  <a:t>All pads located on one side (top)</a:t>
                </a:r>
              </a:p>
              <a:p>
                <a:r>
                  <a:rPr lang="en-US" sz="1400" dirty="0"/>
                  <a:t>146 doubled I/O pads (probing and bonding)</a:t>
                </a:r>
              </a:p>
              <a:p>
                <a:r>
                  <a:rPr lang="en-US" sz="1400" dirty="0"/>
                  <a:t>Three-side close buttable</a:t>
                </a:r>
              </a:p>
              <a:p>
                <a:r>
                  <a:rPr lang="en-US" sz="1400" dirty="0"/>
                  <a:t>15 µm pixels</a:t>
                </a:r>
              </a:p>
              <a:p>
                <a:pPr>
                  <a:lnSpc>
                    <a:spcPct val="110000"/>
                  </a:lnSpc>
                </a:pPr>
                <a:r>
                  <a:rPr lang="en-US" sz="1400" dirty="0"/>
                  <a:t>4k x 4k array. </a:t>
                </a:r>
              </a:p>
              <a:p>
                <a:pPr>
                  <a:lnSpc>
                    <a:spcPct val="110000"/>
                  </a:lnSpc>
                </a:pPr>
                <a:r>
                  <a:rPr lang="en-US" sz="1400" dirty="0" smtClean="0"/>
                  <a:t>Total </a:t>
                </a:r>
                <a:r>
                  <a:rPr lang="en-US" sz="1400" dirty="0"/>
                  <a:t>dimensions:             </a:t>
                </a:r>
              </a:p>
              <a:p>
                <a:pPr>
                  <a:lnSpc>
                    <a:spcPct val="110000"/>
                  </a:lnSpc>
                  <a:buNone/>
                </a:pPr>
                <a:r>
                  <a:rPr lang="en-US" sz="1400" dirty="0"/>
                  <a:t>    </a:t>
                </a:r>
                <a:r>
                  <a:rPr lang="en-US" sz="1400" dirty="0" smtClean="0"/>
                  <a:t>     </a:t>
                </a:r>
                <a:r>
                  <a:rPr lang="en-US" sz="1400" dirty="0"/>
                  <a:t>63.36 x 66.17 mm²</a:t>
                </a:r>
              </a:p>
              <a:p>
                <a:endParaRPr lang="en-US" altLang="en-US" sz="1400" dirty="0"/>
              </a:p>
            </p:txBody>
          </p:sp>
          <p:graphicFrame>
            <p:nvGraphicFramePr>
              <p:cNvPr id="35" name="Object 2"/>
              <p:cNvGraphicFramePr>
                <a:graphicFrameLocks noChangeAspect="1"/>
              </p:cNvGraphicFramePr>
              <p:nvPr>
                <p:extLst>
                  <p:ext uri="{D42A27DB-BD31-4B8C-83A1-F6EECF244321}">
                    <p14:modId xmlns:p14="http://schemas.microsoft.com/office/powerpoint/2010/main" val="3287125932"/>
                  </p:ext>
                </p:extLst>
              </p:nvPr>
            </p:nvGraphicFramePr>
            <p:xfrm>
              <a:off x="238934" y="4495560"/>
              <a:ext cx="5704368" cy="1031378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294124" name="Worksheet" r:id="rId11" imgW="10182129" imgH="1838124" progId="Excel.Sheet.8">
                      <p:embed/>
                    </p:oleObj>
                  </mc:Choice>
                  <mc:Fallback>
                    <p:oleObj name="Worksheet" r:id="rId11" imgW="10182129" imgH="1838124" progId="Excel.Sheet.8">
                      <p:embed/>
                      <p:pic>
                        <p:nvPicPr>
                          <p:cNvPr id="23" name="Object 2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12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238934" y="4495560"/>
                            <a:ext cx="5704368" cy="1031378"/>
                          </a:xfrm>
                          <a:prstGeom prst="rect">
                            <a:avLst/>
                          </a:prstGeom>
                          <a:noFill/>
                          <a:ln>
                            <a:noFill/>
                          </a:ln>
                          <a:extLst/>
                        </p:spPr>
                      </p:pic>
                    </p:oleObj>
                  </mc:Fallback>
                </mc:AlternateContent>
              </a:graphicData>
            </a:graphic>
          </p:graphicFrame>
        </p:grpSp>
        <p:graphicFrame>
          <p:nvGraphicFramePr>
            <p:cNvPr id="24" name="Object 23"/>
            <p:cNvGraphicFramePr>
              <a:graphicFrameLocks noChangeAspect="1"/>
            </p:cNvGraphicFramePr>
            <p:nvPr>
              <p:extLst>
                <p:ext uri="{D42A27DB-BD31-4B8C-83A1-F6EECF244321}">
                  <p14:modId xmlns:p14="http://schemas.microsoft.com/office/powerpoint/2010/main" val="887398479"/>
                </p:ext>
              </p:extLst>
            </p:nvPr>
          </p:nvGraphicFramePr>
          <p:xfrm>
            <a:off x="228600" y="5692775"/>
            <a:ext cx="5715000" cy="517525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294125" name="Worksheet" r:id="rId13" imgW="10182129" imgH="923664" progId="Excel.Sheet.8">
                    <p:embed/>
                  </p:oleObj>
                </mc:Choice>
                <mc:Fallback>
                  <p:oleObj name="Worksheet" r:id="rId13" imgW="10182129" imgH="923664" progId="Excel.Sheet.8">
                    <p:embed/>
                    <p:pic>
                      <p:nvPicPr>
                        <p:cNvPr id="0" name="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14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228600" y="5692775"/>
                          <a:ext cx="5715000" cy="517525"/>
                        </a:xfrm>
                        <a:prstGeom prst="rect">
                          <a:avLst/>
                        </a:prstGeom>
                        <a:noFill/>
                        <a:ln>
                          <a:noFill/>
                        </a:ln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  <a:ext uri="{91240B29-F687-4F45-9708-019B960494DF}">
                            <a14:hiddenLine xmlns:a14="http://schemas.microsoft.com/office/drawing/2010/main" w="9525">
                              <a:solidFill>
                                <a:srgbClr val="000000"/>
                              </a:solidFill>
                              <a:miter lim="800000"/>
                              <a:headEnd/>
                              <a:tailEnd/>
                            </a14:hiddenLine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pic>
          <p:nvPicPr>
            <p:cNvPr id="293915" name="Picture 27"/>
            <p:cNvPicPr>
              <a:picLocks noChangeAspect="1" noChangeArrowheads="1"/>
            </p:cNvPicPr>
            <p:nvPr/>
          </p:nvPicPr>
          <p:blipFill>
            <a:blip r:embed="rId1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7696200" y="4800600"/>
              <a:ext cx="1371600" cy="144507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360255175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152400"/>
            <a:ext cx="8686800" cy="685800"/>
          </a:xfrm>
        </p:spPr>
        <p:txBody>
          <a:bodyPr/>
          <a:lstStyle/>
          <a:p>
            <a:r>
              <a:rPr lang="en-US" sz="3200" b="1" kern="1200" dirty="0">
                <a:solidFill>
                  <a:schemeClr val="bg2">
                    <a:lumMod val="40000"/>
                    <a:lumOff val="60000"/>
                  </a:schemeClr>
                </a:solidFill>
                <a:latin typeface="Calibri" pitchFamily="34" charset="0"/>
                <a:cs typeface="ＭＳ Ｐゴシック"/>
              </a:rPr>
              <a:t>Outlin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33400" y="990600"/>
            <a:ext cx="5334000" cy="5334000"/>
          </a:xfrm>
        </p:spPr>
        <p:txBody>
          <a:bodyPr>
            <a:noAutofit/>
          </a:bodyPr>
          <a:lstStyle/>
          <a:p>
            <a:r>
              <a:rPr lang="en-US" sz="2000" b="1" dirty="0" smtClean="0">
                <a:solidFill>
                  <a:schemeClr val="bg2">
                    <a:lumMod val="40000"/>
                    <a:lumOff val="60000"/>
                  </a:schemeClr>
                </a:solidFill>
              </a:rPr>
              <a:t>MBE HgCdTe Material for Large Format Arrays</a:t>
            </a:r>
          </a:p>
          <a:p>
            <a:r>
              <a:rPr lang="en-US" sz="2000" b="1" dirty="0" smtClean="0">
                <a:solidFill>
                  <a:schemeClr val="bg2">
                    <a:lumMod val="40000"/>
                    <a:lumOff val="60000"/>
                  </a:schemeClr>
                </a:solidFill>
              </a:rPr>
              <a:t>H4RG-15 ROIC</a:t>
            </a:r>
          </a:p>
          <a:p>
            <a:pPr>
              <a:buFont typeface="Arial" pitchFamily="34" charset="0"/>
              <a:buChar char="•"/>
            </a:pPr>
            <a:r>
              <a:rPr lang="en-US" b="1" dirty="0" smtClean="0">
                <a:solidFill>
                  <a:srgbClr val="FF0000"/>
                </a:solidFill>
              </a:rPr>
              <a:t>H4RG-15 </a:t>
            </a:r>
            <a:r>
              <a:rPr lang="en-US" b="1" dirty="0" smtClean="0">
                <a:solidFill>
                  <a:srgbClr val="FF0000"/>
                </a:solidFill>
              </a:rPr>
              <a:t>NIR and SWIR SCA Results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Dark Current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Quantum Efficiency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Spectral Response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CDS Noise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Well Capacity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Cross Talk</a:t>
            </a:r>
          </a:p>
          <a:p>
            <a:pPr lvl="1">
              <a:buFont typeface="Arial" pitchFamily="34" charset="0"/>
              <a:buChar char="•"/>
            </a:pPr>
            <a:r>
              <a:rPr lang="en-US" sz="2000" b="1" dirty="0" smtClean="0"/>
              <a:t>SCA Flatness</a:t>
            </a:r>
          </a:p>
          <a:p>
            <a:pPr>
              <a:buFont typeface="Arial" pitchFamily="34" charset="0"/>
              <a:buChar char="•"/>
            </a:pPr>
            <a:r>
              <a:rPr lang="en-US" sz="2000" b="1" dirty="0" smtClean="0">
                <a:solidFill>
                  <a:schemeClr val="bg2">
                    <a:lumMod val="40000"/>
                    <a:lumOff val="60000"/>
                  </a:schemeClr>
                </a:solidFill>
              </a:rPr>
              <a:t>Summary</a:t>
            </a:r>
          </a:p>
          <a:p>
            <a:pPr lvl="1">
              <a:buFont typeface="Arial" pitchFamily="34" charset="0"/>
              <a:buChar char="•"/>
            </a:pPr>
            <a:endParaRPr lang="en-US" sz="2400" b="1" dirty="0" smtClean="0"/>
          </a:p>
          <a:p>
            <a:pPr lvl="1">
              <a:buFont typeface="Arial" pitchFamily="34" charset="0"/>
              <a:buChar char="•"/>
            </a:pPr>
            <a:endParaRPr lang="en-US" sz="2400" dirty="0" smtClean="0"/>
          </a:p>
          <a:p>
            <a:pPr lvl="1">
              <a:buFont typeface="Arial" pitchFamily="34" charset="0"/>
              <a:buChar char="•"/>
            </a:pPr>
            <a:endParaRPr lang="en-US" sz="2400" dirty="0" smtClean="0"/>
          </a:p>
          <a:p>
            <a:endParaRPr lang="en-US" sz="2800" dirty="0" smtClean="0"/>
          </a:p>
          <a:p>
            <a:endParaRPr lang="en-US" sz="2800" dirty="0" smtClean="0"/>
          </a:p>
          <a:p>
            <a:endParaRPr lang="en-US" sz="2800" dirty="0"/>
          </a:p>
        </p:txBody>
      </p:sp>
      <p:sp>
        <p:nvSpPr>
          <p:cNvPr id="4" name="TextBox 3"/>
          <p:cNvSpPr txBox="1"/>
          <p:nvPr/>
        </p:nvSpPr>
        <p:spPr>
          <a:xfrm>
            <a:off x="5562600" y="4876800"/>
            <a:ext cx="3061082" cy="369332"/>
          </a:xfrm>
          <a:prstGeom prst="rect">
            <a:avLst/>
          </a:prstGeom>
          <a:solidFill>
            <a:srgbClr val="004080"/>
          </a:solidFill>
        </p:spPr>
        <p:txBody>
          <a:bodyPr wrap="square" rtlCol="0">
            <a:spAutoFit/>
          </a:bodyPr>
          <a:lstStyle/>
          <a:p>
            <a:pPr algn="ctr"/>
            <a:r>
              <a:rPr lang="en-US" sz="1800" b="1" dirty="0" smtClean="0">
                <a:solidFill>
                  <a:schemeClr val="bg1"/>
                </a:solidFill>
              </a:rPr>
              <a:t>4Kx4K H4RG-15</a:t>
            </a:r>
            <a:endParaRPr lang="en-US" sz="1800" b="1" dirty="0">
              <a:solidFill>
                <a:schemeClr val="bg1"/>
              </a:solidFill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62600" y="2217485"/>
            <a:ext cx="3061082" cy="265931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1867130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6" name="Rectangle 6"/>
          <p:cNvSpPr>
            <a:spLocks noGrp="1" noChangeArrowheads="1"/>
          </p:cNvSpPr>
          <p:nvPr>
            <p:ph type="title"/>
          </p:nvPr>
        </p:nvSpPr>
        <p:spPr>
          <a:xfrm>
            <a:off x="371512" y="76200"/>
            <a:ext cx="8458200" cy="548640"/>
          </a:xfrm>
          <a:ln/>
        </p:spPr>
        <p:txBody>
          <a:bodyPr rIns="132080"/>
          <a:lstStyle/>
          <a:p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Dark Current  for NIR </a:t>
            </a:r>
            <a:r>
              <a:rPr lang="en-US" sz="3200" b="1" kern="1200" dirty="0" err="1">
                <a:latin typeface="Symbol" pitchFamily="18" charset="2"/>
                <a:cs typeface="ＭＳ Ｐゴシック"/>
                <a:sym typeface="Impact" pitchFamily="34" charset="0"/>
              </a:rPr>
              <a:t>l</a:t>
            </a:r>
            <a:r>
              <a:rPr lang="en-US" sz="3200" b="1" kern="1200" baseline="-25000" dirty="0" err="1">
                <a:latin typeface="Calibri" pitchFamily="34" charset="0"/>
                <a:cs typeface="ＭＳ Ｐゴシック"/>
                <a:sym typeface="Impact" pitchFamily="34" charset="0"/>
              </a:rPr>
              <a:t>c</a:t>
            </a:r>
            <a:r>
              <a:rPr lang="en-US" sz="3200" b="1" kern="1200" dirty="0">
                <a:latin typeface="Calibri" pitchFamily="34" charset="0"/>
                <a:cs typeface="ＭＳ Ｐゴシック"/>
                <a:sym typeface="Impact" pitchFamily="34" charset="0"/>
              </a:rPr>
              <a:t> = 1.79 </a:t>
            </a:r>
            <a:r>
              <a:rPr lang="en-US" sz="3200" b="1" kern="1200" dirty="0" smtClean="0">
                <a:latin typeface="Symbol" pitchFamily="18" charset="2"/>
                <a:cs typeface="ＭＳ Ｐゴシック"/>
                <a:sym typeface="Impact" pitchFamily="34" charset="0"/>
              </a:rPr>
              <a:t>m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m at 110K </a:t>
            </a:r>
            <a:endParaRPr lang="en-US" sz="3200" b="1" kern="1200" dirty="0">
              <a:latin typeface="Calibri" pitchFamily="34" charset="0"/>
              <a:cs typeface="ＭＳ Ｐゴシック"/>
              <a:sym typeface="Impact" pitchFamily="34" charset="0"/>
            </a:endParaRPr>
          </a:p>
        </p:txBody>
      </p:sp>
      <p:sp>
        <p:nvSpPr>
          <p:cNvPr id="139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8888413" y="6600825"/>
            <a:ext cx="255587" cy="241300"/>
          </a:xfrm>
          <a:prstGeom prst="rect">
            <a:avLst/>
          </a:prstGeom>
        </p:spPr>
        <p:txBody>
          <a:bodyPr/>
          <a:lstStyle/>
          <a:p>
            <a:fld id="{374D051F-1CD0-4C91-8EE0-0D2A8C2B1FF1}" type="slidenum">
              <a:rPr lang="en-US">
                <a:solidFill>
                  <a:srgbClr val="000000"/>
                </a:solidFill>
              </a:rPr>
              <a:pPr/>
              <a:t>6</a:t>
            </a:fld>
            <a:endParaRPr lang="en-US">
              <a:solidFill>
                <a:srgbClr val="000000"/>
              </a:solidFill>
            </a:endParaRPr>
          </a:p>
        </p:txBody>
      </p:sp>
      <p:pic>
        <p:nvPicPr>
          <p:cNvPr id="18" name="Picture 11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20999" y="838200"/>
            <a:ext cx="4342580" cy="4038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" name="Text Box 9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00296" y="4953002"/>
            <a:ext cx="850861" cy="249237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I </a:t>
            </a:r>
            <a:r>
              <a:rPr lang="en-US" altLang="en-US" sz="1400" b="1" baseline="-25000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dark</a:t>
            </a: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 Map </a:t>
            </a:r>
          </a:p>
        </p:txBody>
      </p:sp>
      <p:sp>
        <p:nvSpPr>
          <p:cNvPr id="20" name="Text Box 9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172200" y="4953000"/>
            <a:ext cx="1351394" cy="249237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I </a:t>
            </a:r>
            <a:r>
              <a:rPr lang="en-US" altLang="en-US" sz="1400" b="1" baseline="-25000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dark</a:t>
            </a: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 Histogram</a:t>
            </a:r>
          </a:p>
        </p:txBody>
      </p:sp>
      <p:sp>
        <p:nvSpPr>
          <p:cNvPr id="21" name="Rectangle 8"/>
          <p:cNvSpPr>
            <a:spLocks/>
          </p:cNvSpPr>
          <p:nvPr/>
        </p:nvSpPr>
        <p:spPr bwMode="auto">
          <a:xfrm>
            <a:off x="2674487" y="5257800"/>
            <a:ext cx="3726313" cy="914399"/>
          </a:xfrm>
          <a:prstGeom prst="rect">
            <a:avLst/>
          </a:prstGeom>
          <a:solidFill>
            <a:srgbClr val="EAEAEA"/>
          </a:solidFill>
          <a:ln w="12700">
            <a:noFill/>
            <a:miter lim="800000"/>
            <a:headEnd/>
            <a:tailEnd/>
          </a:ln>
        </p:spPr>
        <p:txBody>
          <a:bodyPr lIns="0" tIns="0" rIns="40639" bIns="0"/>
          <a:lstStyle/>
          <a:p>
            <a:pPr marL="98425">
              <a:lnSpc>
                <a:spcPct val="95000"/>
              </a:lnSpc>
              <a:buClr>
                <a:srgbClr val="000000"/>
              </a:buClr>
              <a:buSzPct val="100000"/>
            </a:pPr>
            <a:endParaRPr lang="en-US" sz="600" dirty="0">
              <a:latin typeface="Arial Bold" charset="0"/>
              <a:ea typeface="+mn-ea"/>
              <a:cs typeface="+mn-cs"/>
              <a:sym typeface="Arial Bold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T=110K </a:t>
            </a:r>
            <a:r>
              <a:rPr lang="en-US" sz="1400" i="1" dirty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 </a:t>
            </a:r>
            <a:r>
              <a:rPr lang="en-US" sz="1400" i="1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  </a:t>
            </a:r>
            <a:r>
              <a:rPr lang="en-US" sz="1400" i="1" u="sng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SCA S/N 18315</a:t>
            </a: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Median </a:t>
            </a:r>
            <a:r>
              <a:rPr lang="en-US" sz="1800" dirty="0" err="1">
                <a:latin typeface="Arial" pitchFamily="34" charset="0"/>
                <a:cs typeface="Arial" pitchFamily="34" charset="0"/>
                <a:sym typeface="Arial" pitchFamily="34" charset="0"/>
              </a:rPr>
              <a:t>I</a:t>
            </a:r>
            <a:r>
              <a:rPr lang="en-US" sz="1800" baseline="-25000" dirty="0" err="1">
                <a:latin typeface="Arial" pitchFamily="34" charset="0"/>
                <a:cs typeface="Arial" pitchFamily="34" charset="0"/>
                <a:sym typeface="Arial" pitchFamily="34" charset="0"/>
              </a:rPr>
              <a:t>dark</a:t>
            </a: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 = 0.005 e</a:t>
            </a:r>
            <a:r>
              <a:rPr lang="en-US" sz="1800" baseline="300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-</a:t>
            </a: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/sec/pixel</a:t>
            </a: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err="1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I</a:t>
            </a:r>
            <a:r>
              <a:rPr lang="en-US" sz="1800" baseline="-25000" dirty="0" err="1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dark</a:t>
            </a: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 Operability &gt; 99 %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brightnessContrast bright="21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1" r="63283" b="41383"/>
          <a:stretch/>
        </p:blipFill>
        <p:spPr>
          <a:xfrm>
            <a:off x="295809" y="838200"/>
            <a:ext cx="4047592" cy="40386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2375567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6" name="Rectangle 6"/>
          <p:cNvSpPr>
            <a:spLocks noGrp="1" noChangeArrowheads="1"/>
          </p:cNvSpPr>
          <p:nvPr>
            <p:ph type="title"/>
          </p:nvPr>
        </p:nvSpPr>
        <p:spPr>
          <a:xfrm>
            <a:off x="308055" y="152400"/>
            <a:ext cx="8458200" cy="548640"/>
          </a:xfrm>
          <a:ln/>
        </p:spPr>
        <p:txBody>
          <a:bodyPr rIns="132080"/>
          <a:lstStyle/>
          <a:p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Dark Current  for SWIR </a:t>
            </a:r>
            <a:r>
              <a:rPr lang="en-US" sz="3200" b="1" kern="1200" dirty="0" err="1">
                <a:latin typeface="Symbol" pitchFamily="18" charset="2"/>
                <a:cs typeface="ＭＳ Ｐゴシック"/>
                <a:sym typeface="Impact" pitchFamily="34" charset="0"/>
              </a:rPr>
              <a:t>l</a:t>
            </a:r>
            <a:r>
              <a:rPr lang="en-US" sz="3200" b="1" kern="1200" baseline="-25000" dirty="0" err="1">
                <a:latin typeface="Calibri" pitchFamily="34" charset="0"/>
                <a:cs typeface="ＭＳ Ｐゴシック"/>
                <a:sym typeface="Impact" pitchFamily="34" charset="0"/>
              </a:rPr>
              <a:t>c</a:t>
            </a:r>
            <a:r>
              <a:rPr lang="en-US" sz="3200" b="1" kern="1200" dirty="0">
                <a:latin typeface="Calibri" pitchFamily="34" charset="0"/>
                <a:cs typeface="ＭＳ Ｐゴシック"/>
                <a:sym typeface="Impact" pitchFamily="34" charset="0"/>
              </a:rPr>
              <a:t> = 2.45 </a:t>
            </a:r>
            <a:r>
              <a:rPr lang="en-US" sz="3200" b="1" kern="1200" dirty="0" smtClean="0">
                <a:latin typeface="Symbol" pitchFamily="18" charset="2"/>
                <a:cs typeface="ＭＳ Ｐゴシック"/>
                <a:sym typeface="Impact" pitchFamily="34" charset="0"/>
              </a:rPr>
              <a:t>m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m at 80K </a:t>
            </a:r>
            <a:endParaRPr lang="en-US" sz="3200" b="1" kern="1200" dirty="0">
              <a:latin typeface="Calibri" pitchFamily="34" charset="0"/>
              <a:cs typeface="ＭＳ Ｐゴシック"/>
              <a:sym typeface="Impact" pitchFamily="34" charset="0"/>
            </a:endParaRPr>
          </a:p>
        </p:txBody>
      </p:sp>
      <p:sp>
        <p:nvSpPr>
          <p:cNvPr id="139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8888413" y="6448425"/>
            <a:ext cx="255587" cy="241300"/>
          </a:xfrm>
          <a:prstGeom prst="rect">
            <a:avLst/>
          </a:prstGeom>
        </p:spPr>
        <p:txBody>
          <a:bodyPr/>
          <a:lstStyle/>
          <a:p>
            <a:fld id="{374D051F-1CD0-4C91-8EE0-0D2A8C2B1FF1}" type="slidenum">
              <a:rPr lang="en-US">
                <a:solidFill>
                  <a:srgbClr val="000000"/>
                </a:solidFill>
              </a:rPr>
              <a:pPr/>
              <a:t>7</a:t>
            </a:fld>
            <a:endParaRPr lang="en-US">
              <a:solidFill>
                <a:srgbClr val="000000"/>
              </a:solidFill>
            </a:endParaRPr>
          </a:p>
        </p:txBody>
      </p:sp>
      <p:sp>
        <p:nvSpPr>
          <p:cNvPr id="19" name="Text Box 9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00296" y="4925533"/>
            <a:ext cx="850861" cy="249237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I </a:t>
            </a:r>
            <a:r>
              <a:rPr lang="en-US" altLang="en-US" sz="1400" b="1" baseline="-25000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dark</a:t>
            </a: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 Map </a:t>
            </a:r>
          </a:p>
        </p:txBody>
      </p:sp>
      <p:sp>
        <p:nvSpPr>
          <p:cNvPr id="20" name="Text Box 9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172200" y="4925531"/>
            <a:ext cx="1351394" cy="249237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I </a:t>
            </a:r>
            <a:r>
              <a:rPr lang="en-US" altLang="en-US" sz="1400" b="1" baseline="-25000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dark</a:t>
            </a: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 Histogram</a:t>
            </a:r>
          </a:p>
        </p:txBody>
      </p:sp>
      <p:sp>
        <p:nvSpPr>
          <p:cNvPr id="21" name="Rectangle 8"/>
          <p:cNvSpPr>
            <a:spLocks/>
          </p:cNvSpPr>
          <p:nvPr/>
        </p:nvSpPr>
        <p:spPr bwMode="auto">
          <a:xfrm>
            <a:off x="2674487" y="5230334"/>
            <a:ext cx="3726313" cy="956469"/>
          </a:xfrm>
          <a:prstGeom prst="rect">
            <a:avLst/>
          </a:prstGeom>
          <a:solidFill>
            <a:srgbClr val="EAEAEA"/>
          </a:solidFill>
          <a:ln w="12700">
            <a:noFill/>
            <a:miter lim="800000"/>
            <a:headEnd/>
            <a:tailEnd/>
          </a:ln>
        </p:spPr>
        <p:txBody>
          <a:bodyPr lIns="0" tIns="0" rIns="40639" bIns="0"/>
          <a:lstStyle/>
          <a:p>
            <a:pPr marL="98425">
              <a:lnSpc>
                <a:spcPct val="95000"/>
              </a:lnSpc>
              <a:buClr>
                <a:srgbClr val="000000"/>
              </a:buClr>
              <a:buSzPct val="100000"/>
            </a:pPr>
            <a:endParaRPr lang="en-US" sz="600" dirty="0">
              <a:latin typeface="Arial Bold" charset="0"/>
              <a:ea typeface="+mn-ea"/>
              <a:cs typeface="+mn-cs"/>
              <a:sym typeface="Arial Bold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T=80K    </a:t>
            </a:r>
            <a:r>
              <a:rPr lang="en-US" sz="1400" i="1" u="sng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SCA </a:t>
            </a:r>
            <a:r>
              <a:rPr lang="en-US" sz="1400" i="1" u="sng" dirty="0">
                <a:latin typeface="Arial" pitchFamily="34" charset="0"/>
                <a:cs typeface="Arial" pitchFamily="34" charset="0"/>
                <a:sym typeface="Arial" pitchFamily="34" charset="0"/>
              </a:rPr>
              <a:t>S/N </a:t>
            </a:r>
            <a:r>
              <a:rPr lang="en-US" sz="1400" i="1" u="sng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18860</a:t>
            </a:r>
            <a:endParaRPr lang="en-US" sz="1400" u="sng" dirty="0" smtClean="0">
              <a:latin typeface="Arial" pitchFamily="34" charset="0"/>
              <a:ea typeface="+mn-ea"/>
              <a:cs typeface="Arial" pitchFamily="34" charset="0"/>
              <a:sym typeface="Arial" pitchFamily="34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Median </a:t>
            </a:r>
            <a:r>
              <a:rPr lang="en-US" sz="1800" dirty="0" err="1">
                <a:latin typeface="Arial" pitchFamily="34" charset="0"/>
                <a:cs typeface="Arial" pitchFamily="34" charset="0"/>
                <a:sym typeface="Arial" pitchFamily="34" charset="0"/>
              </a:rPr>
              <a:t>I</a:t>
            </a:r>
            <a:r>
              <a:rPr lang="en-US" sz="1800" baseline="-25000" dirty="0" err="1">
                <a:latin typeface="Arial" pitchFamily="34" charset="0"/>
                <a:cs typeface="Arial" pitchFamily="34" charset="0"/>
                <a:sym typeface="Arial" pitchFamily="34" charset="0"/>
              </a:rPr>
              <a:t>dark</a:t>
            </a: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 = 0.007 e</a:t>
            </a:r>
            <a:r>
              <a:rPr lang="en-US" sz="1800" baseline="300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-</a:t>
            </a: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/sec/pixel</a:t>
            </a: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err="1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I</a:t>
            </a:r>
            <a:r>
              <a:rPr lang="en-US" sz="1800" baseline="-25000" dirty="0" err="1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dark</a:t>
            </a: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 Operability &gt; 99.8 %</a:t>
            </a:r>
          </a:p>
        </p:txBody>
      </p:sp>
      <p:pic>
        <p:nvPicPr>
          <p:cNvPr id="9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53000" y="838200"/>
            <a:ext cx="3733800" cy="397141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" name="Picture 2"/>
          <p:cNvPicPr>
            <a:picLocks noChangeAspect="1"/>
          </p:cNvPicPr>
          <p:nvPr/>
        </p:nvPicPr>
        <p:blipFill>
          <a:blip r:embed="rId5"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brightnessContrast bright="-43000" contrast="-26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3400" y="846667"/>
            <a:ext cx="3962400" cy="395662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72732528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" name="Chart 19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161485686"/>
              </p:ext>
            </p:extLst>
          </p:nvPr>
        </p:nvGraphicFramePr>
        <p:xfrm>
          <a:off x="1371600" y="701040"/>
          <a:ext cx="6248400" cy="547116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15366" name="Rectangle 6"/>
          <p:cNvSpPr>
            <a:spLocks noGrp="1" noChangeArrowheads="1"/>
          </p:cNvSpPr>
          <p:nvPr>
            <p:ph type="title"/>
          </p:nvPr>
        </p:nvSpPr>
        <p:spPr>
          <a:xfrm>
            <a:off x="308055" y="152400"/>
            <a:ext cx="8458200" cy="548640"/>
          </a:xfrm>
          <a:ln/>
        </p:spPr>
        <p:txBody>
          <a:bodyPr rIns="132080"/>
          <a:lstStyle/>
          <a:p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Dark Current  </a:t>
            </a:r>
            <a:r>
              <a:rPr lang="en-US" sz="3200" b="1" kern="1200" dirty="0" err="1" smtClean="0">
                <a:latin typeface="Calibri" pitchFamily="34" charset="0"/>
                <a:cs typeface="ＭＳ Ｐゴシック"/>
                <a:sym typeface="Impact" pitchFamily="34" charset="0"/>
              </a:rPr>
              <a:t>vs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 Temperature</a:t>
            </a:r>
            <a:endParaRPr lang="en-US" sz="3200" b="1" kern="1200" dirty="0">
              <a:latin typeface="Calibri" pitchFamily="34" charset="0"/>
              <a:cs typeface="ＭＳ Ｐゴシック"/>
              <a:sym typeface="Impact" pitchFamily="34" charset="0"/>
            </a:endParaRPr>
          </a:p>
        </p:txBody>
      </p:sp>
      <p:sp>
        <p:nvSpPr>
          <p:cNvPr id="139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8888413" y="6600825"/>
            <a:ext cx="255587" cy="241300"/>
          </a:xfrm>
          <a:prstGeom prst="rect">
            <a:avLst/>
          </a:prstGeom>
        </p:spPr>
        <p:txBody>
          <a:bodyPr/>
          <a:lstStyle/>
          <a:p>
            <a:fld id="{374D051F-1CD0-4C91-8EE0-0D2A8C2B1FF1}" type="slidenum">
              <a:rPr lang="en-US">
                <a:solidFill>
                  <a:srgbClr val="000000"/>
                </a:solidFill>
              </a:rPr>
              <a:pPr/>
              <a:t>8</a:t>
            </a:fld>
            <a:endParaRPr lang="en-US">
              <a:solidFill>
                <a:srgbClr val="000000"/>
              </a:solidFill>
            </a:endParaRPr>
          </a:p>
        </p:txBody>
      </p:sp>
      <p:sp>
        <p:nvSpPr>
          <p:cNvPr id="9" name="Left Brace 8"/>
          <p:cNvSpPr/>
          <p:nvPr/>
        </p:nvSpPr>
        <p:spPr bwMode="auto">
          <a:xfrm rot="5400000">
            <a:off x="5480266" y="479635"/>
            <a:ext cx="322366" cy="1681699"/>
          </a:xfrm>
          <a:prstGeom prst="leftBrace">
            <a:avLst>
              <a:gd name="adj1" fmla="val 8333"/>
              <a:gd name="adj2" fmla="val 51111"/>
            </a:avLst>
          </a:prstGeom>
          <a:noFill/>
          <a:ln w="28575">
            <a:solidFill>
              <a:schemeClr val="tx1"/>
            </a:solidFill>
          </a:ln>
          <a:effectLst/>
          <a:ex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200" b="0" i="0" u="none" strike="noStrike" cap="none" normalizeH="0" baseline="0" smtClean="0">
              <a:ln>
                <a:noFill/>
              </a:ln>
              <a:solidFill>
                <a:srgbClr val="000000"/>
              </a:solidFill>
              <a:effectLst/>
              <a:latin typeface="Arial" charset="0"/>
              <a:ea typeface="ヒラギノ角ゴ ProN W3" charset="0"/>
              <a:cs typeface="ヒラギノ角ゴ ProN W3" charset="0"/>
              <a:sym typeface="Arial" charset="0"/>
            </a:endParaRPr>
          </a:p>
        </p:txBody>
      </p:sp>
      <p:sp>
        <p:nvSpPr>
          <p:cNvPr id="18" name="Left Brace 17"/>
          <p:cNvSpPr/>
          <p:nvPr/>
        </p:nvSpPr>
        <p:spPr bwMode="auto">
          <a:xfrm rot="5400000">
            <a:off x="2781300" y="1409700"/>
            <a:ext cx="228600" cy="762000"/>
          </a:xfrm>
          <a:prstGeom prst="leftBrace">
            <a:avLst>
              <a:gd name="adj1" fmla="val 8333"/>
              <a:gd name="adj2" fmla="val 51111"/>
            </a:avLst>
          </a:prstGeom>
          <a:noFill/>
          <a:ln w="28575">
            <a:solidFill>
              <a:schemeClr val="tx1"/>
            </a:solidFill>
          </a:ln>
          <a:effectLst/>
          <a:ex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200" b="0" i="0" u="none" strike="noStrike" cap="none" normalizeH="0" baseline="0" smtClean="0">
              <a:ln>
                <a:noFill/>
              </a:ln>
              <a:solidFill>
                <a:srgbClr val="000000"/>
              </a:solidFill>
              <a:effectLst/>
              <a:latin typeface="Arial" charset="0"/>
              <a:ea typeface="ヒラギノ角ゴ ProN W3" charset="0"/>
              <a:cs typeface="ヒラギノ角ゴ ProN W3" charset="0"/>
              <a:sym typeface="Arial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2302328" y="1338441"/>
            <a:ext cx="1186543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 smtClean="0"/>
              <a:t>SWIR 2.5  </a:t>
            </a:r>
            <a:r>
              <a:rPr lang="en-US" dirty="0" smtClean="0">
                <a:latin typeface="Symbol" panose="05050102010706020507" pitchFamily="18" charset="2"/>
              </a:rPr>
              <a:t>m</a:t>
            </a:r>
            <a:r>
              <a:rPr lang="en-US" dirty="0" smtClean="0"/>
              <a:t>m</a:t>
            </a:r>
            <a:endParaRPr lang="en-US" dirty="0"/>
          </a:p>
        </p:txBody>
      </p:sp>
      <p:sp>
        <p:nvSpPr>
          <p:cNvPr id="19" name="TextBox 18"/>
          <p:cNvSpPr txBox="1"/>
          <p:nvPr/>
        </p:nvSpPr>
        <p:spPr>
          <a:xfrm>
            <a:off x="5138747" y="890136"/>
            <a:ext cx="1005403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 smtClean="0"/>
              <a:t>NIR 1.7  </a:t>
            </a:r>
            <a:r>
              <a:rPr lang="en-US" dirty="0" smtClean="0">
                <a:latin typeface="Symbol" panose="05050102010706020507" pitchFamily="18" charset="2"/>
              </a:rPr>
              <a:t>m</a:t>
            </a:r>
            <a:r>
              <a:rPr lang="en-US" dirty="0" smtClean="0"/>
              <a:t>m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7060986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6" name="Rectangle 6"/>
          <p:cNvSpPr>
            <a:spLocks noGrp="1" noChangeArrowheads="1"/>
          </p:cNvSpPr>
          <p:nvPr>
            <p:ph type="title"/>
          </p:nvPr>
        </p:nvSpPr>
        <p:spPr>
          <a:xfrm>
            <a:off x="308055" y="152400"/>
            <a:ext cx="8458200" cy="548640"/>
          </a:xfrm>
          <a:ln/>
        </p:spPr>
        <p:txBody>
          <a:bodyPr rIns="132080"/>
          <a:lstStyle/>
          <a:p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QE at 1230 nm for NIR </a:t>
            </a:r>
            <a:r>
              <a:rPr lang="en-US" sz="3200" b="1" kern="1200" dirty="0" err="1">
                <a:latin typeface="Symbol" pitchFamily="18" charset="2"/>
                <a:cs typeface="ＭＳ Ｐゴシック"/>
                <a:sym typeface="Impact" pitchFamily="34" charset="0"/>
              </a:rPr>
              <a:t>l</a:t>
            </a:r>
            <a:r>
              <a:rPr lang="en-US" sz="3200" b="1" kern="1200" baseline="-25000" dirty="0" err="1">
                <a:latin typeface="Calibri" pitchFamily="34" charset="0"/>
                <a:cs typeface="ＭＳ Ｐゴシック"/>
                <a:sym typeface="Impact" pitchFamily="34" charset="0"/>
              </a:rPr>
              <a:t>c</a:t>
            </a:r>
            <a:r>
              <a:rPr lang="en-US" sz="3200" b="1" kern="1200" dirty="0">
                <a:latin typeface="Calibri" pitchFamily="34" charset="0"/>
                <a:cs typeface="ＭＳ Ｐゴシック"/>
                <a:sym typeface="Impact" pitchFamily="34" charset="0"/>
              </a:rPr>
              <a:t> = 1.79 </a:t>
            </a:r>
            <a:r>
              <a:rPr lang="en-US" sz="3200" b="1" kern="1200" dirty="0" smtClean="0">
                <a:latin typeface="Symbol" pitchFamily="18" charset="2"/>
                <a:cs typeface="ＭＳ Ｐゴシック"/>
                <a:sym typeface="Impact" pitchFamily="34" charset="0"/>
              </a:rPr>
              <a:t>m</a:t>
            </a:r>
            <a:r>
              <a:rPr lang="en-US" sz="3200" b="1" kern="1200" dirty="0" smtClean="0">
                <a:latin typeface="Calibri" pitchFamily="34" charset="0"/>
                <a:cs typeface="ＭＳ Ｐゴシック"/>
                <a:sym typeface="Impact" pitchFamily="34" charset="0"/>
              </a:rPr>
              <a:t>m at 120K </a:t>
            </a:r>
            <a:endParaRPr lang="en-US" sz="3200" b="1" kern="1200" dirty="0">
              <a:latin typeface="Calibri" pitchFamily="34" charset="0"/>
              <a:cs typeface="ＭＳ Ｐゴシック"/>
              <a:sym typeface="Impact" pitchFamily="34" charset="0"/>
            </a:endParaRPr>
          </a:p>
        </p:txBody>
      </p:sp>
      <p:sp>
        <p:nvSpPr>
          <p:cNvPr id="139" name="Slide Number Placeholder 3"/>
          <p:cNvSpPr>
            <a:spLocks noGrp="1"/>
          </p:cNvSpPr>
          <p:nvPr>
            <p:ph type="sldNum" sz="quarter" idx="4294967295"/>
          </p:nvPr>
        </p:nvSpPr>
        <p:spPr>
          <a:xfrm>
            <a:off x="8888413" y="6600825"/>
            <a:ext cx="255587" cy="241300"/>
          </a:xfrm>
          <a:prstGeom prst="rect">
            <a:avLst/>
          </a:prstGeom>
        </p:spPr>
        <p:txBody>
          <a:bodyPr/>
          <a:lstStyle/>
          <a:p>
            <a:fld id="{374D051F-1CD0-4C91-8EE0-0D2A8C2B1FF1}" type="slidenum">
              <a:rPr lang="en-US">
                <a:solidFill>
                  <a:srgbClr val="000000"/>
                </a:solidFill>
              </a:rPr>
              <a:pPr/>
              <a:t>9</a:t>
            </a:fld>
            <a:endParaRPr lang="en-US">
              <a:solidFill>
                <a:srgbClr val="000000"/>
              </a:solidFill>
            </a:endParaRPr>
          </a:p>
        </p:txBody>
      </p:sp>
      <p:sp>
        <p:nvSpPr>
          <p:cNvPr id="19" name="Text Box 9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966920" y="4884649"/>
            <a:ext cx="828675" cy="241294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QE Map </a:t>
            </a:r>
          </a:p>
        </p:txBody>
      </p:sp>
      <p:sp>
        <p:nvSpPr>
          <p:cNvPr id="20" name="Text Box 9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153953" y="4885267"/>
            <a:ext cx="1191110" cy="249237"/>
          </a:xfrm>
          <a:prstGeom prst="rect">
            <a:avLst/>
          </a:prstGeom>
          <a:solidFill>
            <a:srgbClr val="000066"/>
          </a:solidFill>
          <a:ln w="9525" algn="ctr">
            <a:solidFill>
              <a:schemeClr val="bg2"/>
            </a:solidFill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lIns="45720" tIns="36576" bIns="36576" anchor="b"/>
          <a:lstStyle>
            <a:lvl1pPr>
              <a:spcBef>
                <a:spcPct val="20000"/>
              </a:spcBef>
              <a:buChar char="•"/>
              <a:defRPr sz="28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 sz="24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0" hangingPunct="0">
              <a:lnSpc>
                <a:spcPct val="98000"/>
              </a:lnSpc>
              <a:spcBef>
                <a:spcPct val="10000"/>
              </a:spcBef>
              <a:buFontTx/>
              <a:buNone/>
            </a:pPr>
            <a:r>
              <a:rPr lang="en-US" altLang="en-US" sz="1400" b="1" dirty="0" smtClean="0">
                <a:solidFill>
                  <a:srgbClr val="FFFFFF"/>
                </a:solidFill>
                <a:latin typeface="Calibri" pitchFamily="34" charset="0"/>
                <a:ea typeface="ＭＳ Ｐゴシック" pitchFamily="34" charset="-128"/>
                <a:cs typeface="+mn-cs"/>
              </a:rPr>
              <a:t>QE Histogram</a:t>
            </a:r>
          </a:p>
        </p:txBody>
      </p:sp>
      <p:sp>
        <p:nvSpPr>
          <p:cNvPr id="21" name="Rectangle 8"/>
          <p:cNvSpPr>
            <a:spLocks/>
          </p:cNvSpPr>
          <p:nvPr/>
        </p:nvSpPr>
        <p:spPr bwMode="auto">
          <a:xfrm>
            <a:off x="2667000" y="5199215"/>
            <a:ext cx="3888012" cy="956469"/>
          </a:xfrm>
          <a:prstGeom prst="rect">
            <a:avLst/>
          </a:prstGeom>
          <a:solidFill>
            <a:srgbClr val="EAEAEA"/>
          </a:solidFill>
          <a:ln w="12700">
            <a:noFill/>
            <a:miter lim="800000"/>
            <a:headEnd/>
            <a:tailEnd/>
          </a:ln>
        </p:spPr>
        <p:txBody>
          <a:bodyPr lIns="0" tIns="0" rIns="40639" bIns="0"/>
          <a:lstStyle/>
          <a:p>
            <a:pPr marL="98425">
              <a:lnSpc>
                <a:spcPct val="95000"/>
              </a:lnSpc>
              <a:buClr>
                <a:srgbClr val="000000"/>
              </a:buClr>
              <a:buSzPct val="100000"/>
            </a:pPr>
            <a:endParaRPr lang="en-US" sz="600" dirty="0">
              <a:latin typeface="Arial Bold" charset="0"/>
              <a:ea typeface="+mn-ea"/>
              <a:cs typeface="+mn-cs"/>
              <a:sym typeface="Arial Bold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T=120K at 1230 nm </a:t>
            </a:r>
            <a:r>
              <a:rPr lang="en-US" sz="1400" i="1" u="sng" dirty="0">
                <a:latin typeface="Arial" pitchFamily="34" charset="0"/>
                <a:cs typeface="Arial" pitchFamily="34" charset="0"/>
                <a:sym typeface="Arial" pitchFamily="34" charset="0"/>
              </a:rPr>
              <a:t>SCA S/N </a:t>
            </a:r>
            <a:r>
              <a:rPr lang="en-US" sz="1400" i="1" u="sng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18315</a:t>
            </a:r>
            <a:endParaRPr lang="en-US" sz="1400" u="sng" dirty="0" smtClean="0">
              <a:latin typeface="Arial" pitchFamily="34" charset="0"/>
              <a:ea typeface="+mn-ea"/>
              <a:cs typeface="Arial" pitchFamily="34" charset="0"/>
              <a:sym typeface="Arial" pitchFamily="34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Median </a:t>
            </a:r>
            <a:r>
              <a:rPr lang="en-US" sz="1800" dirty="0" smtClean="0">
                <a:latin typeface="Arial" pitchFamily="34" charset="0"/>
                <a:cs typeface="Arial" pitchFamily="34" charset="0"/>
                <a:sym typeface="Arial" pitchFamily="34" charset="0"/>
              </a:rPr>
              <a:t>QE &gt; </a:t>
            </a: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80%</a:t>
            </a:r>
            <a:endParaRPr lang="en-US" sz="1800" baseline="30000" dirty="0" smtClean="0">
              <a:latin typeface="Arial" pitchFamily="34" charset="0"/>
              <a:ea typeface="+mn-ea"/>
              <a:cs typeface="Arial" pitchFamily="34" charset="0"/>
              <a:sym typeface="Arial" pitchFamily="34" charset="0"/>
            </a:endParaRPr>
          </a:p>
          <a:p>
            <a:pPr marL="320675" indent="-222250">
              <a:lnSpc>
                <a:spcPct val="95000"/>
              </a:lnSpc>
              <a:buClr>
                <a:srgbClr val="000000"/>
              </a:buClr>
              <a:buSzPct val="100000"/>
              <a:buFont typeface="Arial" pitchFamily="34" charset="0"/>
              <a:buChar char="•"/>
            </a:pPr>
            <a:r>
              <a:rPr lang="en-US" sz="1800" dirty="0" smtClean="0">
                <a:latin typeface="Arial" pitchFamily="34" charset="0"/>
                <a:ea typeface="+mn-ea"/>
                <a:cs typeface="Arial" pitchFamily="34" charset="0"/>
                <a:sym typeface="Arial" pitchFamily="34" charset="0"/>
              </a:rPr>
              <a:t>QE Operability &gt; 99.4 %</a:t>
            </a:r>
          </a:p>
        </p:txBody>
      </p:sp>
      <p:pic>
        <p:nvPicPr>
          <p:cNvPr id="13" name="Picture 3" descr="18315  QE at 1230 nm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56037" y="770467"/>
            <a:ext cx="3986943" cy="400375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63021" b="40278"/>
          <a:stretch/>
        </p:blipFill>
        <p:spPr>
          <a:xfrm>
            <a:off x="339097" y="762000"/>
            <a:ext cx="4084320" cy="412267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576071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Title &amp; Bullets - No Graphics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FFFF99"/>
      </a:accent1>
      <a:accent2>
        <a:srgbClr val="333399"/>
      </a:accent2>
      <a:accent3>
        <a:srgbClr val="FFFFFF"/>
      </a:accent3>
      <a:accent4>
        <a:srgbClr val="000000"/>
      </a:accent4>
      <a:accent5>
        <a:srgbClr val="FFFFCA"/>
      </a:accent5>
      <a:accent6>
        <a:srgbClr val="2D2D8A"/>
      </a:accent6>
      <a:hlink>
        <a:srgbClr val="009999"/>
      </a:hlink>
      <a:folHlink>
        <a:srgbClr val="99CC00"/>
      </a:folHlink>
    </a:clrScheme>
    <a:fontScheme name="Title &amp; Bullets - No Graphics">
      <a:majorFont>
        <a:latin typeface="Impact"/>
        <a:ea typeface="ヒラギノ角ゴ ProN W6"/>
        <a:cs typeface="ヒラギノ角ゴ ProN W6"/>
      </a:majorFont>
      <a:minorFont>
        <a:latin typeface="Arial Narrow Bold"/>
        <a:ea typeface="ヒラギノ角ゴ ProN W6"/>
        <a:cs typeface="ヒラギノ角ゴ ProN W6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rgbClr val="FFFF99"/>
        </a:solidFill>
        <a:ln>
          <a:noFill/>
        </a:ln>
        <a:effectLst/>
        <a:extLst>
          <a:ext uri="{91240B29-F687-4F45-9708-019B960494DF}">
            <a14:hiddenLine xmlns:a14="http://schemas.microsoft.com/office/drawing/2010/main" w="9525" cap="flat" cmpd="sng" algn="ctr">
              <a:solidFill>
                <a:srgbClr val="FF0000"/>
              </a:solidFill>
              <a:prstDash val="solid"/>
              <a:round/>
              <a:headEnd type="none" w="med" len="med"/>
              <a:tailEnd type="none" w="med" len="med"/>
            </a14:hiddenLine>
          </a:ex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200" b="0" i="0" u="none" strike="noStrike" cap="none" normalizeH="0" baseline="0" smtClean="0">
            <a:ln>
              <a:noFill/>
            </a:ln>
            <a:solidFill>
              <a:srgbClr val="000000"/>
            </a:solidFill>
            <a:effectLst/>
            <a:latin typeface="Arial" charset="0"/>
            <a:ea typeface="ヒラギノ角ゴ ProN W3" charset="0"/>
            <a:cs typeface="ヒラギノ角ゴ ProN W3" charset="0"/>
            <a:sym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rgbClr val="FFFF99"/>
        </a:solidFill>
        <a:ln>
          <a:noFill/>
        </a:ln>
        <a:effectLst/>
        <a:extLst>
          <a:ext uri="{91240B29-F687-4F45-9708-019B960494DF}">
            <a14:hiddenLine xmlns:a14="http://schemas.microsoft.com/office/drawing/2010/main" w="9525" cap="flat" cmpd="sng" algn="ctr">
              <a:solidFill>
                <a:srgbClr val="FF0000"/>
              </a:solidFill>
              <a:prstDash val="solid"/>
              <a:round/>
              <a:headEnd type="none" w="med" len="med"/>
              <a:tailEnd type="none" w="med" len="med"/>
            </a14:hiddenLine>
          </a:ex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200" b="0" i="0" u="none" strike="noStrike" cap="none" normalizeH="0" baseline="0" smtClean="0">
            <a:ln>
              <a:noFill/>
            </a:ln>
            <a:solidFill>
              <a:srgbClr val="000000"/>
            </a:solidFill>
            <a:effectLst/>
            <a:latin typeface="Arial" charset="0"/>
            <a:ea typeface="ヒラギノ角ゴ ProN W3" charset="0"/>
            <a:cs typeface="ヒラギノ角ゴ ProN W3" charset="0"/>
            <a:sym typeface="Arial" charset="0"/>
          </a:defRPr>
        </a:defPPr>
      </a:lstStyle>
    </a:lnDef>
  </a:objectDefaults>
  <a:extraClrSchemeLst>
    <a:extraClrScheme>
      <a:clrScheme name="Title &amp; Bullets - No Graphics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p:properties xmlns:p="http://schemas.microsoft.com/office/2006/metadata/properties" xmlns:xsi="http://www.w3.org/2001/XMLSchema-instance">
  <documentManagement>
    <EmailTo xmlns="http://schemas.microsoft.com/sharepoint/v3" xsi:nil="true"/>
    <EmailSender xmlns="http://schemas.microsoft.com/sharepoint/v3" xsi:nil="true"/>
    <EmailFrom xmlns="http://schemas.microsoft.com/sharepoint/v3" xsi:nil="true"/>
    <EmailSubject xmlns="http://schemas.microsoft.com/sharepoint/v3" xsi:nil="true"/>
    <EmailCc xmlns="http://schemas.microsoft.com/sharepoint/v3" xsi:nil="true"/>
  </documentManagement>
</p:properti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6489585000577746820FC52599BBEB9D" ma:contentTypeVersion="5" ma:contentTypeDescription="Create a new document." ma:contentTypeScope="" ma:versionID="d5e96c15a006df78d3fbb978aa035b74">
  <xsd:schema xmlns:xsd="http://www.w3.org/2001/XMLSchema" xmlns:p="http://schemas.microsoft.com/office/2006/metadata/properties" xmlns:ns1="http://schemas.microsoft.com/sharepoint/v3" targetNamespace="http://schemas.microsoft.com/office/2006/metadata/properties" ma:root="true" ma:fieldsID="2d9f53027e0e86f806c5f46fb149790f" ns1:_="">
    <xsd:import namespace="http://schemas.microsoft.com/sharepoint/v3"/>
    <xsd:element name="properties">
      <xsd:complexType>
        <xsd:sequence>
          <xsd:element name="documentManagement">
            <xsd:complexType>
              <xsd:all>
                <xsd:element ref="ns1:EmailSender" minOccurs="0"/>
                <xsd:element ref="ns1:EmailTo" minOccurs="0"/>
                <xsd:element ref="ns1:EmailCc" minOccurs="0"/>
                <xsd:element ref="ns1:EmailFrom" minOccurs="0"/>
                <xsd:element ref="ns1:EmailSubject" minOccurs="0"/>
              </xsd:all>
            </xsd:complexType>
          </xsd:element>
        </xsd:sequence>
      </xsd:complexType>
    </xsd:element>
  </xsd:schema>
  <xsd:schema xmlns:xsd="http://www.w3.org/2001/XMLSchema" xmlns:dms="http://schemas.microsoft.com/office/2006/documentManagement/types" targetNamespace="http://schemas.microsoft.com/sharepoint/v3" elementFormDefault="qualified">
    <xsd:import namespace="http://schemas.microsoft.com/office/2006/documentManagement/types"/>
    <xsd:element name="EmailSender" ma:index="8" nillable="true" ma:displayName="E-Mail Sender" ma:hidden="true" ma:internalName="EmailSender">
      <xsd:simpleType>
        <xsd:restriction base="dms:Note"/>
      </xsd:simpleType>
    </xsd:element>
    <xsd:element name="EmailTo" ma:index="9" nillable="true" ma:displayName="E-Mail To" ma:hidden="true" ma:internalName="EmailTo">
      <xsd:simpleType>
        <xsd:restriction base="dms:Note"/>
      </xsd:simpleType>
    </xsd:element>
    <xsd:element name="EmailCc" ma:index="10" nillable="true" ma:displayName="E-Mail Cc" ma:hidden="true" ma:internalName="EmailCc">
      <xsd:simpleType>
        <xsd:restriction base="dms:Note"/>
      </xsd:simpleType>
    </xsd:element>
    <xsd:element name="EmailFrom" ma:index="11" nillable="true" ma:displayName="E-Mail From" ma:hidden="true" ma:internalName="EmailFrom">
      <xsd:simpleType>
        <xsd:restriction base="dms:Text"/>
      </xsd:simpleType>
    </xsd:element>
    <xsd:element name="EmailSubject" ma:index="12" nillable="true" ma:displayName="E-Mail Subject" ma:hidden="true" ma:internalName="EmailSubject">
      <xsd:simpleType>
        <xsd:restriction base="dms:Text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office/internal/2005/internalDocumentation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 ma:readOnly="tru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lastPrinted" minOccurs="0" maxOccurs="1" type="xsd:dateTime"/>
        <xsd:element name="contentStatus" minOccurs="0" maxOccurs="1" type="xsd:string"/>
      </xsd:all>
    </xsd:complexType>
  </xsd:schema>
</ct:contentTypeSchema>
</file>

<file path=customXml/itemProps1.xml><?xml version="1.0" encoding="utf-8"?>
<ds:datastoreItem xmlns:ds="http://schemas.openxmlformats.org/officeDocument/2006/customXml" ds:itemID="{76806CEC-9737-44AD-9C7B-E6A1D9DB0C35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9FA5A24C-7FB9-477A-8958-8B3D1951CF61}">
  <ds:schemaRefs>
    <ds:schemaRef ds:uri="http://purl.org/dc/elements/1.1/"/>
    <ds:schemaRef ds:uri="http://schemas.microsoft.com/office/2006/metadata/properties"/>
    <ds:schemaRef ds:uri="http://schemas.microsoft.com/sharepoint/v3"/>
    <ds:schemaRef ds:uri="http://purl.org/dc/terms/"/>
    <ds:schemaRef ds:uri="http://schemas.openxmlformats.org/package/2006/metadata/core-properties"/>
    <ds:schemaRef ds:uri="http://schemas.microsoft.com/office/2006/documentManagement/types"/>
    <ds:schemaRef ds:uri="http://www.w3.org/XML/1998/namespace"/>
    <ds:schemaRef ds:uri="http://purl.org/dc/dcmitype/"/>
  </ds:schemaRefs>
</ds:datastoreItem>
</file>

<file path=customXml/itemProps3.xml><?xml version="1.0" encoding="utf-8"?>
<ds:datastoreItem xmlns:ds="http://schemas.openxmlformats.org/officeDocument/2006/customXml" ds:itemID="{8EB497A5-73F3-4C5A-9851-35F24CBB9E82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microsoft.com/sharepoint/v3"/>
    <ds:schemaRef ds:uri="http://schemas.microsoft.com/office/2006/documentManagement/types"/>
    <ds:schemaRef ds:uri="http://schemas.openxmlformats.org/package/2006/metadata/core-properties"/>
    <ds:schemaRef ds:uri="http://purl.org/dc/elements/1.1/"/>
    <ds:schemaRef ds:uri="http://purl.org/dc/terms/"/>
    <ds:schemaRef ds:uri="http://schemas.microsoft.com/office/internal/2005/internalDocumentation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29351</TotalTime>
  <Pages>0</Pages>
  <Words>700</Words>
  <Characters>0</Characters>
  <Application>Microsoft Office PowerPoint</Application>
  <PresentationFormat>On-screen Show (4:3)</PresentationFormat>
  <Lines>0</Lines>
  <Paragraphs>206</Paragraphs>
  <Slides>20</Slides>
  <Notes>3</Notes>
  <HiddenSlides>0</HiddenSlides>
  <MMClips>0</MMClips>
  <ScaleCrop>false</ScaleCrop>
  <HeadingPairs>
    <vt:vector size="8" baseType="variant">
      <vt:variant>
        <vt:lpstr>Fonts Used</vt:lpstr>
      </vt:variant>
      <vt:variant>
        <vt:i4>12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2</vt:i4>
      </vt:variant>
      <vt:variant>
        <vt:lpstr>Slide Titles</vt:lpstr>
      </vt:variant>
      <vt:variant>
        <vt:i4>20</vt:i4>
      </vt:variant>
    </vt:vector>
  </HeadingPairs>
  <TitlesOfParts>
    <vt:vector size="35" baseType="lpstr">
      <vt:lpstr>MS PGothic</vt:lpstr>
      <vt:lpstr>Arial</vt:lpstr>
      <vt:lpstr>Arial Bold</vt:lpstr>
      <vt:lpstr>Arial Narrow</vt:lpstr>
      <vt:lpstr>Arial Narrow Bold</vt:lpstr>
      <vt:lpstr>Calibri</vt:lpstr>
      <vt:lpstr>Impact</vt:lpstr>
      <vt:lpstr>Symbol</vt:lpstr>
      <vt:lpstr>Times</vt:lpstr>
      <vt:lpstr>Times New Roman</vt:lpstr>
      <vt:lpstr>ヒラギノ角ゴ ProN W3</vt:lpstr>
      <vt:lpstr>ヒラギノ角ゴ ProN W6</vt:lpstr>
      <vt:lpstr>Title &amp; Bullets - No Graphics</vt:lpstr>
      <vt:lpstr>Picture</vt:lpstr>
      <vt:lpstr>Worksheet</vt:lpstr>
      <vt:lpstr>PowerPoint Presentation</vt:lpstr>
      <vt:lpstr>Outline</vt:lpstr>
      <vt:lpstr>MBE produces the highest performance HgCdTe  </vt:lpstr>
      <vt:lpstr>H4RG-15 ROIC Features</vt:lpstr>
      <vt:lpstr>Outline</vt:lpstr>
      <vt:lpstr>Dark Current  for NIR lc = 1.79 mm at 110K </vt:lpstr>
      <vt:lpstr>Dark Current  for SWIR lc = 2.45 mm at 80K </vt:lpstr>
      <vt:lpstr>Dark Current  vs Temperature</vt:lpstr>
      <vt:lpstr>QE at 1230 nm for NIR lc = 1.79 mm at 120K </vt:lpstr>
      <vt:lpstr>Spectral Response for NIR lc = 1.7 mm at 120K </vt:lpstr>
      <vt:lpstr>QE at 1230 nm for SWIR lc = 2.45 mm at 80K </vt:lpstr>
      <vt:lpstr>Spectral Response for SWIR lc = 2.50 mm at 80K </vt:lpstr>
      <vt:lpstr>CDS Noise for NIR lc = 1.72 mm at 120K </vt:lpstr>
      <vt:lpstr>CDS Noise for SWIR lc = 2.45 mm at 80K </vt:lpstr>
      <vt:lpstr>Well Capacity for NIR and SWIR</vt:lpstr>
      <vt:lpstr>PowerPoint Presentation</vt:lpstr>
      <vt:lpstr>PowerPoint Presentation</vt:lpstr>
      <vt:lpstr>Performance Summary of Science Grade H4RG-15 SCAs </vt:lpstr>
      <vt:lpstr>PowerPoint Presentation</vt:lpstr>
      <vt:lpstr>Summary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Richard T Demers</dc:creator>
  <cp:lastModifiedBy>Zandian, Majid</cp:lastModifiedBy>
  <cp:revision>404</cp:revision>
  <cp:lastPrinted>2016-06-22T21:09:21Z</cp:lastPrinted>
  <dcterms:modified xsi:type="dcterms:W3CDTF">2017-09-26T03:47:50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6489585000577746820FC52599BBEB9D</vt:lpwstr>
  </property>
</Properties>
</file>